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07_R8.02.27 共通【合格者数】\00_【原稿】\"/>
    </mc:Choice>
  </mc:AlternateContent>
  <xr:revisionPtr revIDLastSave="0" documentId="13_ncr:1_{538E1DD3-1DF8-4B6C-B398-2AB238E9EBD9}" xr6:coauthVersionLast="47" xr6:coauthVersionMax="47" xr10:uidLastSave="{00000000-0000-0000-0000-000000000000}"/>
  <bookViews>
    <workbookView xWindow="8055" yWindow="1365" windowWidth="17550" windowHeight="13545" xr2:uid="{F303D97F-5666-4738-A94E-84A61C848C69}"/>
  </bookViews>
  <sheets>
    <sheet name="普通科・クリエイティブ" sheetId="5" r:id="rId1"/>
    <sheet name="専門学科" sheetId="4" r:id="rId2"/>
    <sheet name="単位制" sheetId="3" r:id="rId3"/>
    <sheet name="定時制・通信制" sheetId="2" r:id="rId4"/>
    <sheet name="特別募集等" sheetId="1" r:id="rId5"/>
  </sheets>
  <definedNames>
    <definedName name="_xlnm.Print_Area" localSheetId="1">専門学科!$A$1:$N$200</definedName>
    <definedName name="_xlnm.Print_Area" localSheetId="2">単位制!$A$1:$N$200</definedName>
    <definedName name="_xlnm.Print_Area" localSheetId="3">定時制・通信制!$A$1:$O$125</definedName>
    <definedName name="_xlnm.Print_Area" localSheetId="4">特別募集等!$A$1:$L$144</definedName>
    <definedName name="_xlnm.Print_Area" localSheetId="0">普通科・クリエイティブ!$A$1:$N$165</definedName>
    <definedName name="_xlnm.Print_Titles" localSheetId="0">普通科・クリエイティブ!$5:$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473" uniqueCount="436">
  <si>
    <t>４　特別募集及び中途退学者募集合格状況</t>
    <rPh sb="6" eb="7">
      <t>オヨ</t>
    </rPh>
    <rPh sb="15" eb="17">
      <t>ゴウカク</t>
    </rPh>
    <rPh sb="17" eb="19">
      <t>ジョウキョウ</t>
    </rPh>
    <phoneticPr fontId="3"/>
  </si>
  <si>
    <t>海外帰国生徒特別募集</t>
    <rPh sb="0" eb="4">
      <t>カイガイキコク</t>
    </rPh>
    <rPh sb="4" eb="6">
      <t>セイト</t>
    </rPh>
    <rPh sb="6" eb="8">
      <t>トクベツ</t>
    </rPh>
    <rPh sb="8" eb="10">
      <t>ボシュウ</t>
    </rPh>
    <phoneticPr fontId="3"/>
  </si>
  <si>
    <t>受検者数</t>
    <rPh sb="0" eb="2">
      <t>ジュケン</t>
    </rPh>
    <rPh sb="2" eb="3">
      <t>シャ</t>
    </rPh>
    <rPh sb="3" eb="4">
      <t>スウ</t>
    </rPh>
    <phoneticPr fontId="3"/>
  </si>
  <si>
    <t>受検後</t>
    <rPh sb="0" eb="2">
      <t>ジュケン</t>
    </rPh>
    <rPh sb="2" eb="3">
      <t>ゴ</t>
    </rPh>
    <phoneticPr fontId="7"/>
  </si>
  <si>
    <t xml:space="preserve"> 学 校 名</t>
    <rPh sb="1" eb="2">
      <t>ガク</t>
    </rPh>
    <rPh sb="3" eb="4">
      <t>コウ</t>
    </rPh>
    <rPh sb="5" eb="6">
      <t>メイ</t>
    </rPh>
    <phoneticPr fontId="3"/>
  </si>
  <si>
    <t xml:space="preserve"> 学科・コース名</t>
    <rPh sb="1" eb="2">
      <t>ガク</t>
    </rPh>
    <rPh sb="2" eb="3">
      <t>カ</t>
    </rPh>
    <rPh sb="7" eb="8">
      <t>ナ</t>
    </rPh>
    <phoneticPr fontId="3"/>
  </si>
  <si>
    <t>募集定員</t>
    <rPh sb="0" eb="2">
      <t>ボシュウ</t>
    </rPh>
    <rPh sb="2" eb="4">
      <t>テイイン</t>
    </rPh>
    <phoneticPr fontId="3"/>
  </si>
  <si>
    <t>計</t>
    <rPh sb="0" eb="1">
      <t>ケイ</t>
    </rPh>
    <phoneticPr fontId="3"/>
  </si>
  <si>
    <t>２月17日</t>
    <phoneticPr fontId="7"/>
  </si>
  <si>
    <t>追検査</t>
    <rPh sb="0" eb="1">
      <t>ツイ</t>
    </rPh>
    <rPh sb="1" eb="3">
      <t>ケンサ</t>
    </rPh>
    <phoneticPr fontId="3"/>
  </si>
  <si>
    <t>合格者数</t>
    <rPh sb="0" eb="3">
      <t>ゴウカクシャ</t>
    </rPh>
    <rPh sb="3" eb="4">
      <t>カズ</t>
    </rPh>
    <phoneticPr fontId="3"/>
  </si>
  <si>
    <t>取消者数</t>
    <rPh sb="0" eb="2">
      <t>トリケシ</t>
    </rPh>
    <rPh sb="2" eb="3">
      <t>シャ</t>
    </rPh>
    <rPh sb="3" eb="4">
      <t>カズ</t>
    </rPh>
    <phoneticPr fontId="3"/>
  </si>
  <si>
    <t>競争率</t>
    <phoneticPr fontId="3"/>
  </si>
  <si>
    <t>欠員</t>
    <rPh sb="0" eb="2">
      <t>ケツイン</t>
    </rPh>
    <phoneticPr fontId="7"/>
  </si>
  <si>
    <t>(A)+(B)</t>
    <phoneticPr fontId="3"/>
  </si>
  <si>
    <t>(A)</t>
    <phoneticPr fontId="3"/>
  </si>
  <si>
    <t>(B)</t>
  </si>
  <si>
    <t>(C)</t>
    <phoneticPr fontId="7"/>
  </si>
  <si>
    <t>(D)</t>
    <phoneticPr fontId="7"/>
  </si>
  <si>
    <t>(A+B-D)/C</t>
    <phoneticPr fontId="3"/>
  </si>
  <si>
    <t>県立神奈川総合</t>
    <rPh sb="0" eb="2">
      <t>ケンリツ</t>
    </rPh>
    <rPh sb="2" eb="5">
      <t>カナガワ</t>
    </rPh>
    <rPh sb="5" eb="7">
      <t>ソウゴウ</t>
    </rPh>
    <phoneticPr fontId="3"/>
  </si>
  <si>
    <t>単位制普通科 国際文化コース</t>
    <rPh sb="0" eb="3">
      <t>タンイセイ</t>
    </rPh>
    <rPh sb="3" eb="5">
      <t>フツウ</t>
    </rPh>
    <rPh sb="5" eb="6">
      <t>カ</t>
    </rPh>
    <rPh sb="7" eb="9">
      <t>コクサイ</t>
    </rPh>
    <rPh sb="9" eb="11">
      <t>ブンカ</t>
    </rPh>
    <phoneticPr fontId="7"/>
  </si>
  <si>
    <t>県立横浜国際</t>
    <rPh sb="0" eb="2">
      <t>ケンリツ</t>
    </rPh>
    <rPh sb="2" eb="4">
      <t>ヨコハマ</t>
    </rPh>
    <rPh sb="4" eb="6">
      <t>コクサイ</t>
    </rPh>
    <phoneticPr fontId="3"/>
  </si>
  <si>
    <t>単位制国際科</t>
    <rPh sb="0" eb="3">
      <t>タンイセイ</t>
    </rPh>
    <rPh sb="3" eb="5">
      <t>コクサイ</t>
    </rPh>
    <rPh sb="5" eb="6">
      <t>カ</t>
    </rPh>
    <phoneticPr fontId="7"/>
  </si>
  <si>
    <t>　　〃</t>
  </si>
  <si>
    <t>単位制国際科国際バカロレアコース</t>
    <rPh sb="0" eb="3">
      <t>タンイセイ</t>
    </rPh>
    <rPh sb="3" eb="5">
      <t>コクサイ</t>
    </rPh>
    <rPh sb="5" eb="6">
      <t>カ</t>
    </rPh>
    <rPh sb="6" eb="8">
      <t>コクサイ</t>
    </rPh>
    <phoneticPr fontId="7"/>
  </si>
  <si>
    <t>　　計</t>
    <rPh sb="2" eb="3">
      <t>ケイ</t>
    </rPh>
    <phoneticPr fontId="7"/>
  </si>
  <si>
    <t>県立新城</t>
    <rPh sb="0" eb="2">
      <t>ケンリツ</t>
    </rPh>
    <rPh sb="2" eb="4">
      <t>シンジョウ</t>
    </rPh>
    <phoneticPr fontId="3"/>
  </si>
  <si>
    <t>普通科</t>
    <rPh sb="0" eb="2">
      <t>フツウ</t>
    </rPh>
    <rPh sb="2" eb="3">
      <t>カ</t>
    </rPh>
    <phoneticPr fontId="7"/>
  </si>
  <si>
    <t>県立西湘</t>
    <rPh sb="0" eb="2">
      <t>ケンリツ</t>
    </rPh>
    <rPh sb="2" eb="3">
      <t>ニシ</t>
    </rPh>
    <rPh sb="3" eb="4">
      <t>ショウ</t>
    </rPh>
    <phoneticPr fontId="3"/>
  </si>
  <si>
    <t>県立鶴嶺</t>
    <rPh sb="0" eb="2">
      <t>ケンリツ</t>
    </rPh>
    <rPh sb="2" eb="3">
      <t>ツル</t>
    </rPh>
    <rPh sb="3" eb="4">
      <t>ミネ</t>
    </rPh>
    <phoneticPr fontId="3"/>
  </si>
  <si>
    <t>県立相模原弥栄</t>
    <rPh sb="0" eb="2">
      <t>ケンリツ</t>
    </rPh>
    <rPh sb="2" eb="5">
      <t>サガミハラ</t>
    </rPh>
    <rPh sb="5" eb="7">
      <t>ヤエイ</t>
    </rPh>
    <phoneticPr fontId="3"/>
  </si>
  <si>
    <t>単位制普通科</t>
    <rPh sb="0" eb="3">
      <t>タンイセイ</t>
    </rPh>
    <rPh sb="3" eb="6">
      <t>フツウカ</t>
    </rPh>
    <phoneticPr fontId="7"/>
  </si>
  <si>
    <t>県立伊志田</t>
    <rPh sb="0" eb="2">
      <t>ケンリツ</t>
    </rPh>
    <rPh sb="2" eb="3">
      <t>イ</t>
    </rPh>
    <rPh sb="3" eb="5">
      <t>シダ</t>
    </rPh>
    <phoneticPr fontId="3"/>
  </si>
  <si>
    <t>　県　立　　計</t>
    <rPh sb="1" eb="2">
      <t>ケン</t>
    </rPh>
    <rPh sb="3" eb="4">
      <t>タテ</t>
    </rPh>
    <rPh sb="6" eb="7">
      <t>ケイ</t>
    </rPh>
    <phoneticPr fontId="7"/>
  </si>
  <si>
    <t>横浜市立東</t>
    <rPh sb="0" eb="4">
      <t>ヨコハマシリツ</t>
    </rPh>
    <rPh sb="4" eb="5">
      <t>ヒガシ</t>
    </rPh>
    <phoneticPr fontId="3"/>
  </si>
  <si>
    <t>単位制普通科</t>
    <rPh sb="0" eb="3">
      <t>タンイセイ</t>
    </rPh>
    <rPh sb="3" eb="5">
      <t>フツウ</t>
    </rPh>
    <rPh sb="5" eb="6">
      <t>カ</t>
    </rPh>
    <phoneticPr fontId="7"/>
  </si>
  <si>
    <t>合　　計</t>
    <rPh sb="0" eb="4">
      <t>ゴウケイ</t>
    </rPh>
    <phoneticPr fontId="3"/>
  </si>
  <si>
    <t>※　県立横浜国際高等学校単位制国際科は、単位制国際科国際バカロレアコースを除く単位制国際科です。</t>
    <rPh sb="8" eb="10">
      <t>コウトウ</t>
    </rPh>
    <rPh sb="10" eb="12">
      <t>ガッコウ</t>
    </rPh>
    <rPh sb="39" eb="42">
      <t>タンイセイ</t>
    </rPh>
    <phoneticPr fontId="7"/>
  </si>
  <si>
    <t>在県外国人等特別募集（全日制）</t>
    <rPh sb="0" eb="1">
      <t>ザイ</t>
    </rPh>
    <rPh sb="1" eb="2">
      <t>ケン</t>
    </rPh>
    <rPh sb="2" eb="4">
      <t>ガイコク</t>
    </rPh>
    <rPh sb="4" eb="5">
      <t>ジン</t>
    </rPh>
    <rPh sb="5" eb="6">
      <t>ナド</t>
    </rPh>
    <rPh sb="6" eb="8">
      <t>トクベツ</t>
    </rPh>
    <rPh sb="8" eb="10">
      <t>ボシュウ</t>
    </rPh>
    <rPh sb="11" eb="12">
      <t>ゼン</t>
    </rPh>
    <rPh sb="12" eb="13">
      <t>ニチ</t>
    </rPh>
    <rPh sb="13" eb="14">
      <t>セイ</t>
    </rPh>
    <phoneticPr fontId="7"/>
  </si>
  <si>
    <t xml:space="preserve"> 学 科 名</t>
    <rPh sb="1" eb="2">
      <t>ガク</t>
    </rPh>
    <rPh sb="3" eb="4">
      <t>カ</t>
    </rPh>
    <rPh sb="5" eb="6">
      <t>ナ</t>
    </rPh>
    <phoneticPr fontId="3"/>
  </si>
  <si>
    <t>県立鶴見総合</t>
    <rPh sb="0" eb="2">
      <t>ケンリツ</t>
    </rPh>
    <rPh sb="2" eb="4">
      <t>ツルミ</t>
    </rPh>
    <rPh sb="4" eb="6">
      <t>ソウゴウ</t>
    </rPh>
    <phoneticPr fontId="12"/>
  </si>
  <si>
    <t>総合学科</t>
  </si>
  <si>
    <t>県立横浜清陵</t>
    <rPh sb="0" eb="2">
      <t>ケンリツ</t>
    </rPh>
    <rPh sb="2" eb="4">
      <t>ヨコハマ</t>
    </rPh>
    <rPh sb="4" eb="6">
      <t>セイリョウ</t>
    </rPh>
    <phoneticPr fontId="12"/>
  </si>
  <si>
    <t>単位制普通科</t>
  </si>
  <si>
    <t>県立磯子工業</t>
    <rPh sb="0" eb="2">
      <t>ケンリツ</t>
    </rPh>
    <rPh sb="2" eb="6">
      <t>イソゴコウギョウ</t>
    </rPh>
    <phoneticPr fontId="7"/>
  </si>
  <si>
    <t>機械科</t>
    <rPh sb="0" eb="2">
      <t>キカイ</t>
    </rPh>
    <rPh sb="2" eb="3">
      <t>カ</t>
    </rPh>
    <phoneticPr fontId="7"/>
  </si>
  <si>
    <t>　　〃</t>
    <phoneticPr fontId="7"/>
  </si>
  <si>
    <t>電気科</t>
    <rPh sb="0" eb="2">
      <t>デンキ</t>
    </rPh>
    <rPh sb="2" eb="3">
      <t>カ</t>
    </rPh>
    <phoneticPr fontId="7"/>
  </si>
  <si>
    <t>建設科</t>
    <rPh sb="0" eb="2">
      <t>ケンセツ</t>
    </rPh>
    <rPh sb="2" eb="3">
      <t>カ</t>
    </rPh>
    <phoneticPr fontId="7"/>
  </si>
  <si>
    <t>化学科</t>
    <rPh sb="0" eb="3">
      <t>カガクカ</t>
    </rPh>
    <phoneticPr fontId="7"/>
  </si>
  <si>
    <t>県立新栄</t>
    <rPh sb="0" eb="2">
      <t>ケンリツ</t>
    </rPh>
    <rPh sb="2" eb="4">
      <t>シンエイ</t>
    </rPh>
    <phoneticPr fontId="12"/>
  </si>
  <si>
    <t>普通科</t>
  </si>
  <si>
    <t>県立川崎</t>
    <rPh sb="0" eb="2">
      <t>ケンリツ</t>
    </rPh>
    <rPh sb="2" eb="4">
      <t>カワサキ</t>
    </rPh>
    <phoneticPr fontId="12"/>
  </si>
  <si>
    <t>県立大師</t>
    <rPh sb="0" eb="2">
      <t>ケンリツ</t>
    </rPh>
    <rPh sb="2" eb="4">
      <t>ダイシ</t>
    </rPh>
    <phoneticPr fontId="12"/>
  </si>
  <si>
    <t>県立橋本</t>
    <rPh sb="0" eb="2">
      <t>ケンリツ</t>
    </rPh>
    <rPh sb="2" eb="4">
      <t>ハシモト</t>
    </rPh>
    <phoneticPr fontId="12"/>
  </si>
  <si>
    <t>県立相模原弥栄</t>
    <rPh sb="0" eb="2">
      <t>ケンリツ</t>
    </rPh>
    <rPh sb="2" eb="5">
      <t>サガミハラ</t>
    </rPh>
    <rPh sb="5" eb="7">
      <t>ヤエイ</t>
    </rPh>
    <phoneticPr fontId="12"/>
  </si>
  <si>
    <t>県立高浜</t>
    <rPh sb="0" eb="2">
      <t>ケンリツ</t>
    </rPh>
    <rPh sb="2" eb="4">
      <t>タカハマ</t>
    </rPh>
    <phoneticPr fontId="12"/>
  </si>
  <si>
    <t>県立藤沢総合</t>
    <rPh sb="0" eb="2">
      <t>ケンリツ</t>
    </rPh>
    <rPh sb="2" eb="4">
      <t>フジサワ</t>
    </rPh>
    <rPh sb="4" eb="6">
      <t>ソウゴウ</t>
    </rPh>
    <phoneticPr fontId="12"/>
  </si>
  <si>
    <t>県立大和南</t>
    <rPh sb="0" eb="2">
      <t>ケンリツ</t>
    </rPh>
    <rPh sb="2" eb="4">
      <t>ヤマト</t>
    </rPh>
    <rPh sb="4" eb="5">
      <t>ミナミ</t>
    </rPh>
    <phoneticPr fontId="12"/>
  </si>
  <si>
    <t>県立伊勢原</t>
    <rPh sb="0" eb="2">
      <t>ケンリツ</t>
    </rPh>
    <rPh sb="2" eb="5">
      <t>イセハラ</t>
    </rPh>
    <phoneticPr fontId="13"/>
  </si>
  <si>
    <t>県立座間総合</t>
    <rPh sb="0" eb="2">
      <t>ケンリツ</t>
    </rPh>
    <rPh sb="2" eb="4">
      <t>ザマ</t>
    </rPh>
    <rPh sb="4" eb="6">
      <t>ソウゴウ</t>
    </rPh>
    <phoneticPr fontId="12"/>
  </si>
  <si>
    <t>県立愛川</t>
    <rPh sb="0" eb="1">
      <t>ケン</t>
    </rPh>
    <rPh sb="1" eb="2">
      <t>リツ</t>
    </rPh>
    <rPh sb="2" eb="4">
      <t>アイカワ</t>
    </rPh>
    <phoneticPr fontId="12"/>
  </si>
  <si>
    <t>横浜市立みなと総合</t>
    <rPh sb="0" eb="4">
      <t>ヨコハマシリツ</t>
    </rPh>
    <rPh sb="7" eb="9">
      <t>ソウゴウ</t>
    </rPh>
    <phoneticPr fontId="7"/>
  </si>
  <si>
    <t>総合学科</t>
    <rPh sb="0" eb="4">
      <t>ソウゴウガッカ</t>
    </rPh>
    <phoneticPr fontId="3"/>
  </si>
  <si>
    <t>横浜市立横浜商業</t>
    <rPh sb="0" eb="4">
      <t>ヨコハマシリツ</t>
    </rPh>
    <rPh sb="4" eb="6">
      <t>ヨコハマ</t>
    </rPh>
    <rPh sb="6" eb="8">
      <t>ショウギョウ</t>
    </rPh>
    <phoneticPr fontId="7"/>
  </si>
  <si>
    <t>国際学科</t>
    <rPh sb="0" eb="2">
      <t>コクサイ</t>
    </rPh>
    <rPh sb="2" eb="4">
      <t>ガッカ</t>
    </rPh>
    <phoneticPr fontId="3"/>
  </si>
  <si>
    <t>　市　立　　計</t>
    <rPh sb="1" eb="2">
      <t>シ</t>
    </rPh>
    <rPh sb="3" eb="4">
      <t>タテ</t>
    </rPh>
    <rPh sb="6" eb="7">
      <t>ケイ</t>
    </rPh>
    <phoneticPr fontId="7"/>
  </si>
  <si>
    <t>在県外国人等特別募集（定時制）</t>
    <rPh sb="0" eb="1">
      <t>ザイ</t>
    </rPh>
    <rPh sb="1" eb="2">
      <t>ケン</t>
    </rPh>
    <rPh sb="2" eb="4">
      <t>ガイコク</t>
    </rPh>
    <rPh sb="4" eb="5">
      <t>ジン</t>
    </rPh>
    <rPh sb="5" eb="6">
      <t>ナド</t>
    </rPh>
    <rPh sb="6" eb="8">
      <t>トクベツ</t>
    </rPh>
    <rPh sb="8" eb="10">
      <t>ボシュウ</t>
    </rPh>
    <rPh sb="11" eb="14">
      <t>テイジセイ</t>
    </rPh>
    <phoneticPr fontId="7"/>
  </si>
  <si>
    <t xml:space="preserve"> 学科・部名</t>
    <rPh sb="1" eb="2">
      <t>ガク</t>
    </rPh>
    <rPh sb="2" eb="3">
      <t>カ</t>
    </rPh>
    <rPh sb="4" eb="5">
      <t>ブ</t>
    </rPh>
    <rPh sb="5" eb="6">
      <t>ナ</t>
    </rPh>
    <phoneticPr fontId="3"/>
  </si>
  <si>
    <t>県立横浜明朋</t>
    <rPh sb="0" eb="2">
      <t>ケンリツ</t>
    </rPh>
    <rPh sb="2" eb="4">
      <t>ヨコハマ</t>
    </rPh>
    <rPh sb="4" eb="5">
      <t>メイ</t>
    </rPh>
    <rPh sb="5" eb="6">
      <t>ホウ</t>
    </rPh>
    <phoneticPr fontId="14"/>
  </si>
  <si>
    <t>単位制普通科 午前部</t>
    <rPh sb="0" eb="3">
      <t>タンイセイ</t>
    </rPh>
    <rPh sb="3" eb="5">
      <t>フツウ</t>
    </rPh>
    <rPh sb="5" eb="6">
      <t>カ</t>
    </rPh>
    <rPh sb="7" eb="9">
      <t>ゴゼン</t>
    </rPh>
    <rPh sb="9" eb="10">
      <t>ブ</t>
    </rPh>
    <phoneticPr fontId="14"/>
  </si>
  <si>
    <t>単位制普通科 午後部</t>
    <rPh sb="0" eb="3">
      <t>タンイセイ</t>
    </rPh>
    <rPh sb="3" eb="5">
      <t>フツウ</t>
    </rPh>
    <rPh sb="5" eb="6">
      <t>カ</t>
    </rPh>
    <rPh sb="7" eb="9">
      <t>ゴゴ</t>
    </rPh>
    <rPh sb="9" eb="10">
      <t>ブ</t>
    </rPh>
    <phoneticPr fontId="14"/>
  </si>
  <si>
    <t>県立相模向陽館</t>
    <rPh sb="0" eb="2">
      <t>ケンリツ</t>
    </rPh>
    <rPh sb="2" eb="4">
      <t>サガミ</t>
    </rPh>
    <rPh sb="4" eb="5">
      <t>コウ</t>
    </rPh>
    <rPh sb="5" eb="6">
      <t>ヨウ</t>
    </rPh>
    <rPh sb="6" eb="7">
      <t>カン</t>
    </rPh>
    <phoneticPr fontId="7"/>
  </si>
  <si>
    <t>単位制普通科 午前部</t>
    <rPh sb="0" eb="3">
      <t>タンイセイ</t>
    </rPh>
    <rPh sb="3" eb="5">
      <t>フツウ</t>
    </rPh>
    <rPh sb="5" eb="6">
      <t>カ</t>
    </rPh>
    <rPh sb="7" eb="9">
      <t>ゴゼン</t>
    </rPh>
    <rPh sb="9" eb="10">
      <t>ブ</t>
    </rPh>
    <phoneticPr fontId="7"/>
  </si>
  <si>
    <t>単位制普通科 午後部</t>
    <rPh sb="0" eb="3">
      <t>タンイセイ</t>
    </rPh>
    <rPh sb="3" eb="5">
      <t>フツウ</t>
    </rPh>
    <rPh sb="5" eb="6">
      <t>カ</t>
    </rPh>
    <rPh sb="7" eb="9">
      <t>ゴゴ</t>
    </rPh>
    <rPh sb="9" eb="10">
      <t>ブ</t>
    </rPh>
    <phoneticPr fontId="7"/>
  </si>
  <si>
    <t>横浜市立横浜総合</t>
    <rPh sb="0" eb="3">
      <t>ヨコハマシ</t>
    </rPh>
    <rPh sb="3" eb="4">
      <t>リツ</t>
    </rPh>
    <rPh sb="4" eb="6">
      <t>ヨコハマ</t>
    </rPh>
    <rPh sb="6" eb="8">
      <t>ソウゴウ</t>
    </rPh>
    <phoneticPr fontId="3"/>
  </si>
  <si>
    <t>総合学科 Ⅱ部</t>
    <rPh sb="0" eb="2">
      <t>ソウゴウ</t>
    </rPh>
    <rPh sb="2" eb="4">
      <t>ガッカ</t>
    </rPh>
    <rPh sb="6" eb="7">
      <t>ブ</t>
    </rPh>
    <phoneticPr fontId="3"/>
  </si>
  <si>
    <t>川崎市立川崎</t>
    <rPh sb="0" eb="3">
      <t>カワサキシ</t>
    </rPh>
    <rPh sb="3" eb="4">
      <t>リツ</t>
    </rPh>
    <rPh sb="4" eb="6">
      <t>カワサキ</t>
    </rPh>
    <phoneticPr fontId="3"/>
  </si>
  <si>
    <t>普通科 昼間部</t>
    <rPh sb="0" eb="3">
      <t>フツウカ</t>
    </rPh>
    <rPh sb="4" eb="6">
      <t>チュウカン</t>
    </rPh>
    <rPh sb="6" eb="7">
      <t>ブ</t>
    </rPh>
    <phoneticPr fontId="3"/>
  </si>
  <si>
    <t>※　県立相模向陽館高等学校単位制普通科午後部の合格者数には、第２希望による合格者が含まれています。</t>
    <rPh sb="2" eb="4">
      <t>ケンリツ</t>
    </rPh>
    <rPh sb="4" eb="9">
      <t>サガミコウヨウカン</t>
    </rPh>
    <rPh sb="9" eb="11">
      <t>コウトウ</t>
    </rPh>
    <rPh sb="11" eb="13">
      <t>ガッコウ</t>
    </rPh>
    <rPh sb="13" eb="16">
      <t>タンイセイ</t>
    </rPh>
    <rPh sb="16" eb="19">
      <t>フツウカ</t>
    </rPh>
    <rPh sb="19" eb="21">
      <t>ゴゴ</t>
    </rPh>
    <rPh sb="21" eb="22">
      <t>ブ</t>
    </rPh>
    <rPh sb="23" eb="26">
      <t>ゴウカクシャ</t>
    </rPh>
    <rPh sb="26" eb="27">
      <t>スウ</t>
    </rPh>
    <phoneticPr fontId="3"/>
  </si>
  <si>
    <t>インクルーシブ教育実践推進校特別募集</t>
    <rPh sb="7" eb="9">
      <t>キョウイク</t>
    </rPh>
    <rPh sb="9" eb="11">
      <t>ジッセン</t>
    </rPh>
    <rPh sb="11" eb="13">
      <t>スイシン</t>
    </rPh>
    <rPh sb="13" eb="14">
      <t>コウ</t>
    </rPh>
    <rPh sb="14" eb="16">
      <t>トクベツ</t>
    </rPh>
    <rPh sb="16" eb="18">
      <t>ボシュウ</t>
    </rPh>
    <phoneticPr fontId="7"/>
  </si>
  <si>
    <t>２月18日</t>
    <phoneticPr fontId="7"/>
  </si>
  <si>
    <t>県立城郷</t>
  </si>
  <si>
    <t>普通科</t>
    <rPh sb="0" eb="2">
      <t>フツウ</t>
    </rPh>
    <rPh sb="2" eb="3">
      <t>カ</t>
    </rPh>
    <phoneticPr fontId="12"/>
  </si>
  <si>
    <t>県立横浜南陵</t>
    <rPh sb="2" eb="4">
      <t>ヨコハマ</t>
    </rPh>
    <rPh sb="4" eb="6">
      <t>ナンリョウ</t>
    </rPh>
    <phoneticPr fontId="7"/>
  </si>
  <si>
    <t>県立保土ケ谷</t>
    <rPh sb="0" eb="2">
      <t>ケンリツ</t>
    </rPh>
    <rPh sb="2" eb="6">
      <t>ホドガヤ</t>
    </rPh>
    <phoneticPr fontId="7"/>
  </si>
  <si>
    <t>県立霧が丘</t>
  </si>
  <si>
    <t>県立白山</t>
    <rPh sb="0" eb="2">
      <t>ケンリツ</t>
    </rPh>
    <rPh sb="2" eb="4">
      <t>ハクサン</t>
    </rPh>
    <phoneticPr fontId="7"/>
  </si>
  <si>
    <t>県立上矢部</t>
  </si>
  <si>
    <t>県立川崎北</t>
  </si>
  <si>
    <t>県立菅</t>
    <rPh sb="0" eb="2">
      <t>ケンリツ</t>
    </rPh>
    <rPh sb="2" eb="3">
      <t>スゲ</t>
    </rPh>
    <phoneticPr fontId="7"/>
  </si>
  <si>
    <t>県立橋本</t>
  </si>
  <si>
    <t>県立上鶴間</t>
  </si>
  <si>
    <t>県立津久井浜</t>
  </si>
  <si>
    <t>県立湘南台</t>
  </si>
  <si>
    <t>県立茅ケ崎</t>
    <phoneticPr fontId="7"/>
  </si>
  <si>
    <t>県立厚木西</t>
  </si>
  <si>
    <t>県立伊勢原</t>
  </si>
  <si>
    <t>県立足柄</t>
  </si>
  <si>
    <t>県立綾瀬</t>
  </si>
  <si>
    <t>県立二宮</t>
  </si>
  <si>
    <t>※　インクルーシブ教育実践推進校特別募集の受検者数２月18日(A)は、２月19日までのものです。</t>
    <rPh sb="9" eb="11">
      <t>キョウイク</t>
    </rPh>
    <rPh sb="11" eb="13">
      <t>ジッセン</t>
    </rPh>
    <rPh sb="13" eb="15">
      <t>スイシン</t>
    </rPh>
    <rPh sb="15" eb="16">
      <t>コウ</t>
    </rPh>
    <rPh sb="16" eb="18">
      <t>トクベツ</t>
    </rPh>
    <rPh sb="18" eb="20">
      <t>ボシュウ</t>
    </rPh>
    <phoneticPr fontId="7"/>
  </si>
  <si>
    <t>中途退学者募集</t>
    <rPh sb="0" eb="5">
      <t>チュウトタイガクシャ</t>
    </rPh>
    <rPh sb="5" eb="7">
      <t>ボシュウ</t>
    </rPh>
    <phoneticPr fontId="7"/>
  </si>
  <si>
    <t>県立横浜桜陽</t>
    <rPh sb="0" eb="2">
      <t>ケンリツ</t>
    </rPh>
    <rPh sb="2" eb="4">
      <t>ヨコハマ</t>
    </rPh>
    <rPh sb="4" eb="6">
      <t>オウヨウ</t>
    </rPh>
    <phoneticPr fontId="7"/>
  </si>
  <si>
    <t>単位制普通科</t>
    <rPh sb="0" eb="3">
      <t>タンイ</t>
    </rPh>
    <rPh sb="3" eb="5">
      <t>フツウ</t>
    </rPh>
    <rPh sb="5" eb="6">
      <t>カ</t>
    </rPh>
    <phoneticPr fontId="3"/>
  </si>
  <si>
    <t>県立川崎</t>
    <rPh sb="0" eb="2">
      <t>ケンリツ</t>
    </rPh>
    <rPh sb="2" eb="4">
      <t>カワサキ</t>
    </rPh>
    <phoneticPr fontId="7"/>
  </si>
  <si>
    <t>県立厚木清南</t>
    <rPh sb="0" eb="2">
      <t>ケンリツ</t>
    </rPh>
    <rPh sb="2" eb="4">
      <t>アツギ</t>
    </rPh>
    <rPh sb="4" eb="6">
      <t>セイナン</t>
    </rPh>
    <phoneticPr fontId="7"/>
  </si>
  <si>
    <t>単位制普通科</t>
    <rPh sb="0" eb="3">
      <t>タンイセイ</t>
    </rPh>
    <rPh sb="3" eb="5">
      <t>フツウ</t>
    </rPh>
    <rPh sb="5" eb="6">
      <t>カ</t>
    </rPh>
    <phoneticPr fontId="3"/>
  </si>
  <si>
    <t>５　別科合格状況</t>
    <rPh sb="4" eb="6">
      <t>ゴウカク</t>
    </rPh>
    <rPh sb="6" eb="8">
      <t>ジョウキョウ</t>
    </rPh>
    <phoneticPr fontId="3"/>
  </si>
  <si>
    <t>別科</t>
    <rPh sb="0" eb="2">
      <t>ベッカ</t>
    </rPh>
    <phoneticPr fontId="3"/>
  </si>
  <si>
    <t>横浜市立横浜商業</t>
    <rPh sb="0" eb="4">
      <t>ヨコハマシリツ</t>
    </rPh>
    <rPh sb="4" eb="6">
      <t>ヨコハマ</t>
    </rPh>
    <rPh sb="6" eb="8">
      <t>ショウギョウ</t>
    </rPh>
    <phoneticPr fontId="3"/>
  </si>
  <si>
    <t>理容科</t>
    <rPh sb="0" eb="2">
      <t>リヨウ</t>
    </rPh>
    <rPh sb="2" eb="3">
      <t>カ</t>
    </rPh>
    <phoneticPr fontId="7"/>
  </si>
  <si>
    <t>美容科</t>
    <rPh sb="0" eb="2">
      <t>ビヨウ</t>
    </rPh>
    <rPh sb="2" eb="3">
      <t>カ</t>
    </rPh>
    <phoneticPr fontId="7"/>
  </si>
  <si>
    <t>※　横浜市立横浜商業高等学校理容科の合格者数には、第２希望による合格者が含まれています。</t>
    <rPh sb="2" eb="6">
      <t>ヨコハマシリツ</t>
    </rPh>
    <rPh sb="6" eb="8">
      <t>ヨコハマ</t>
    </rPh>
    <rPh sb="8" eb="10">
      <t>ショウギョウ</t>
    </rPh>
    <rPh sb="10" eb="12">
      <t>コウトウ</t>
    </rPh>
    <rPh sb="12" eb="14">
      <t>ガッコウ</t>
    </rPh>
    <rPh sb="14" eb="16">
      <t>リヨウ</t>
    </rPh>
    <rPh sb="16" eb="17">
      <t>カ</t>
    </rPh>
    <rPh sb="21" eb="22">
      <t>スウ</t>
    </rPh>
    <phoneticPr fontId="3"/>
  </si>
  <si>
    <t>３　一般募集共通選抜合格状況　（定時制の課程及び通信制の課程）</t>
    <rPh sb="2" eb="4">
      <t>イッパン</t>
    </rPh>
    <rPh sb="4" eb="6">
      <t>ボシュウ</t>
    </rPh>
    <rPh sb="6" eb="8">
      <t>キョウツウ</t>
    </rPh>
    <rPh sb="8" eb="10">
      <t>センバツ</t>
    </rPh>
    <rPh sb="10" eb="12">
      <t>ゴウカク</t>
    </rPh>
    <rPh sb="12" eb="14">
      <t>ジョウキョウ</t>
    </rPh>
    <rPh sb="16" eb="18">
      <t>テイジ</t>
    </rPh>
    <rPh sb="18" eb="19">
      <t>セイ</t>
    </rPh>
    <rPh sb="20" eb="22">
      <t>カテイ</t>
    </rPh>
    <rPh sb="22" eb="23">
      <t>オヨ</t>
    </rPh>
    <rPh sb="24" eb="27">
      <t>ツウシンセイ</t>
    </rPh>
    <rPh sb="28" eb="30">
      <t>カテイ</t>
    </rPh>
    <phoneticPr fontId="3"/>
  </si>
  <si>
    <t>　表中の欠員は、共通選抜募集人員より共通選抜合格者数を引いた数です。</t>
    <rPh sb="1" eb="3">
      <t>ヒョウチュウ</t>
    </rPh>
    <rPh sb="4" eb="6">
      <t>ケツイン</t>
    </rPh>
    <rPh sb="18" eb="20">
      <t>キョウツウ</t>
    </rPh>
    <phoneticPr fontId="3"/>
  </si>
  <si>
    <t>　なお、定通分割選抜実施校において、共通選抜における欠員は定通分割選抜募集人員に加えます。</t>
    <rPh sb="4" eb="5">
      <t>テイ</t>
    </rPh>
    <rPh sb="5" eb="6">
      <t>ツウ</t>
    </rPh>
    <rPh sb="6" eb="8">
      <t>ブンカツ</t>
    </rPh>
    <rPh sb="8" eb="10">
      <t>センバツ</t>
    </rPh>
    <rPh sb="10" eb="12">
      <t>ジッシ</t>
    </rPh>
    <rPh sb="12" eb="13">
      <t>コウ</t>
    </rPh>
    <rPh sb="18" eb="20">
      <t>キョウツウ</t>
    </rPh>
    <rPh sb="20" eb="22">
      <t>センバツ</t>
    </rPh>
    <rPh sb="26" eb="28">
      <t>ケツイン</t>
    </rPh>
    <rPh sb="29" eb="30">
      <t>テイ</t>
    </rPh>
    <rPh sb="30" eb="31">
      <t>ツウ</t>
    </rPh>
    <rPh sb="31" eb="33">
      <t>ブンカツ</t>
    </rPh>
    <rPh sb="33" eb="35">
      <t>センバツ</t>
    </rPh>
    <rPh sb="35" eb="37">
      <t>ボシュウ</t>
    </rPh>
    <rPh sb="37" eb="39">
      <t>ジンイン</t>
    </rPh>
    <rPh sb="40" eb="41">
      <t>クワ</t>
    </rPh>
    <phoneticPr fontId="3"/>
  </si>
  <si>
    <t>（定時制の課程）</t>
  </si>
  <si>
    <t>普通科</t>
    <rPh sb="0" eb="2">
      <t>フツウ</t>
    </rPh>
    <rPh sb="2" eb="3">
      <t>カ</t>
    </rPh>
    <phoneticPr fontId="3"/>
  </si>
  <si>
    <t>募集</t>
    <rPh sb="0" eb="2">
      <t>ボシュウ</t>
    </rPh>
    <phoneticPr fontId="3"/>
  </si>
  <si>
    <t>共通選抜</t>
    <rPh sb="0" eb="2">
      <t>キョウツウ</t>
    </rPh>
    <rPh sb="2" eb="4">
      <t>センバツ</t>
    </rPh>
    <phoneticPr fontId="3"/>
  </si>
  <si>
    <t>共通選抜合格者数</t>
    <rPh sb="0" eb="2">
      <t>キョウツウ</t>
    </rPh>
    <rPh sb="2" eb="4">
      <t>センバツ</t>
    </rPh>
    <rPh sb="4" eb="7">
      <t>ゴウカクシャ</t>
    </rPh>
    <rPh sb="7" eb="8">
      <t>スウ</t>
    </rPh>
    <phoneticPr fontId="3"/>
  </si>
  <si>
    <t>受検後</t>
    <rPh sb="0" eb="2">
      <t>ジュケン</t>
    </rPh>
    <rPh sb="2" eb="3">
      <t>ゴ</t>
    </rPh>
    <phoneticPr fontId="3"/>
  </si>
  <si>
    <t xml:space="preserve"> 学 科 ・ 部 名</t>
    <rPh sb="1" eb="2">
      <t>ガク</t>
    </rPh>
    <rPh sb="3" eb="4">
      <t>カ</t>
    </rPh>
    <rPh sb="7" eb="8">
      <t>ブ</t>
    </rPh>
    <rPh sb="9" eb="10">
      <t>ナ</t>
    </rPh>
    <phoneticPr fontId="3"/>
  </si>
  <si>
    <t>定員</t>
    <rPh sb="0" eb="2">
      <t>テイイン</t>
    </rPh>
    <phoneticPr fontId="3"/>
  </si>
  <si>
    <t>募集人員</t>
    <rPh sb="0" eb="2">
      <t>ボシュウ</t>
    </rPh>
    <rPh sb="2" eb="4">
      <t>ジンイン</t>
    </rPh>
    <phoneticPr fontId="3"/>
  </si>
  <si>
    <t>２月17日</t>
    <phoneticPr fontId="3"/>
  </si>
  <si>
    <t>学区</t>
    <rPh sb="0" eb="2">
      <t>ガック</t>
    </rPh>
    <phoneticPr fontId="3"/>
  </si>
  <si>
    <t>欠員</t>
    <rPh sb="0" eb="1">
      <t>ケツ</t>
    </rPh>
    <rPh sb="1" eb="2">
      <t>イン</t>
    </rPh>
    <phoneticPr fontId="3"/>
  </si>
  <si>
    <t>内</t>
    <rPh sb="0" eb="1">
      <t>ナイ</t>
    </rPh>
    <phoneticPr fontId="3"/>
  </si>
  <si>
    <t>外</t>
    <rPh sb="0" eb="1">
      <t>ガイ</t>
    </rPh>
    <phoneticPr fontId="3"/>
  </si>
  <si>
    <t>(D)</t>
    <phoneticPr fontId="3"/>
  </si>
  <si>
    <t>県立希望ケ丘</t>
    <rPh sb="0" eb="2">
      <t>ケンリツ</t>
    </rPh>
    <rPh sb="2" eb="4">
      <t>キボウ</t>
    </rPh>
    <rPh sb="5" eb="6">
      <t>オカ</t>
    </rPh>
    <phoneticPr fontId="3"/>
  </si>
  <si>
    <t>－</t>
  </si>
  <si>
    <t>県立横須賀</t>
    <rPh sb="0" eb="2">
      <t>ケンリツ</t>
    </rPh>
    <rPh sb="2" eb="5">
      <t>ヨコスカ</t>
    </rPh>
    <phoneticPr fontId="3"/>
  </si>
  <si>
    <t>県立追浜</t>
    <rPh sb="0" eb="2">
      <t>ケンリツ</t>
    </rPh>
    <rPh sb="2" eb="4">
      <t>オッパマ</t>
    </rPh>
    <phoneticPr fontId="3"/>
  </si>
  <si>
    <t>県立津久井</t>
    <rPh sb="0" eb="2">
      <t>ケンリツ</t>
    </rPh>
    <rPh sb="2" eb="5">
      <t>ツクイ</t>
    </rPh>
    <phoneticPr fontId="3"/>
  </si>
  <si>
    <t>横浜市立戸塚</t>
    <rPh sb="0" eb="4">
      <t>ヨコハマシリツ</t>
    </rPh>
    <rPh sb="4" eb="6">
      <t>トヅカ</t>
    </rPh>
    <phoneticPr fontId="3"/>
  </si>
  <si>
    <t>川崎市立川崎</t>
    <rPh sb="0" eb="4">
      <t>カワサキシリツ</t>
    </rPh>
    <rPh sb="4" eb="6">
      <t>カワサキ</t>
    </rPh>
    <phoneticPr fontId="3"/>
  </si>
  <si>
    <t>普通科昼間部</t>
    <rPh sb="0" eb="2">
      <t>フツウ</t>
    </rPh>
    <rPh sb="2" eb="3">
      <t>カ</t>
    </rPh>
    <rPh sb="3" eb="5">
      <t>チュウカン</t>
    </rPh>
    <rPh sb="5" eb="6">
      <t>ブ</t>
    </rPh>
    <phoneticPr fontId="7"/>
  </si>
  <si>
    <t>川崎市立橘</t>
    <rPh sb="0" eb="4">
      <t>カワサキシリツ</t>
    </rPh>
    <rPh sb="4" eb="5">
      <t>タチバナ</t>
    </rPh>
    <phoneticPr fontId="3"/>
  </si>
  <si>
    <t>川崎市立高津</t>
    <rPh sb="0" eb="4">
      <t>カワサキシリツ</t>
    </rPh>
    <rPh sb="4" eb="6">
      <t>タカツ</t>
    </rPh>
    <phoneticPr fontId="3"/>
  </si>
  <si>
    <t>－</t>
    <phoneticPr fontId="7"/>
  </si>
  <si>
    <t>専門学科（工業に関する学科）</t>
    <rPh sb="0" eb="2">
      <t>センモン</t>
    </rPh>
    <rPh sb="2" eb="4">
      <t>ガッカ</t>
    </rPh>
    <rPh sb="5" eb="7">
      <t>コウギョウ</t>
    </rPh>
    <rPh sb="8" eb="9">
      <t>カン</t>
    </rPh>
    <rPh sb="11" eb="13">
      <t>ガッカ</t>
    </rPh>
    <phoneticPr fontId="3"/>
  </si>
  <si>
    <t>(C)</t>
    <phoneticPr fontId="3"/>
  </si>
  <si>
    <t>県立小田原北</t>
    <rPh sb="0" eb="6">
      <t>ケンリツオダワラキタ</t>
    </rPh>
    <phoneticPr fontId="7"/>
  </si>
  <si>
    <t>機械科・電気科</t>
    <rPh sb="0" eb="2">
      <t>キカイ</t>
    </rPh>
    <rPh sb="2" eb="3">
      <t>カ</t>
    </rPh>
    <rPh sb="4" eb="6">
      <t>デンキ</t>
    </rPh>
    <rPh sb="6" eb="7">
      <t>カ</t>
    </rPh>
    <phoneticPr fontId="7"/>
  </si>
  <si>
    <t>川崎市立川崎総合科学</t>
    <rPh sb="0" eb="4">
      <t>カワサキシリツ</t>
    </rPh>
    <rPh sb="4" eb="6">
      <t>カワサキ</t>
    </rPh>
    <rPh sb="6" eb="8">
      <t>ソウゴウ</t>
    </rPh>
    <rPh sb="8" eb="10">
      <t>カガク</t>
    </rPh>
    <phoneticPr fontId="7"/>
  </si>
  <si>
    <t>クリエイト工学科</t>
    <rPh sb="5" eb="8">
      <t>コウガッカ</t>
    </rPh>
    <phoneticPr fontId="7"/>
  </si>
  <si>
    <t>専門学科（商業に関する学科）</t>
    <rPh sb="0" eb="2">
      <t>センモン</t>
    </rPh>
    <rPh sb="2" eb="4">
      <t>ガッカ</t>
    </rPh>
    <rPh sb="5" eb="7">
      <t>ショウギョウ</t>
    </rPh>
    <rPh sb="8" eb="9">
      <t>カン</t>
    </rPh>
    <rPh sb="11" eb="13">
      <t>ガッカ</t>
    </rPh>
    <phoneticPr fontId="3"/>
  </si>
  <si>
    <t>商業科</t>
    <rPh sb="0" eb="2">
      <t>ショウギョウ</t>
    </rPh>
    <rPh sb="2" eb="3">
      <t>カ</t>
    </rPh>
    <phoneticPr fontId="7"/>
  </si>
  <si>
    <t>単位制　普通科</t>
    <rPh sb="0" eb="3">
      <t>タンイセイ</t>
    </rPh>
    <rPh sb="4" eb="7">
      <t>フツウカ</t>
    </rPh>
    <phoneticPr fontId="3"/>
  </si>
  <si>
    <t>県立神奈川工業</t>
    <rPh sb="0" eb="2">
      <t>ケンリツ</t>
    </rPh>
    <rPh sb="2" eb="5">
      <t>カナガワ</t>
    </rPh>
    <rPh sb="5" eb="7">
      <t>コウギョウ</t>
    </rPh>
    <phoneticPr fontId="3"/>
  </si>
  <si>
    <t>普通科</t>
    <rPh sb="0" eb="3">
      <t>フツウカ</t>
    </rPh>
    <phoneticPr fontId="3"/>
  </si>
  <si>
    <t>県立横浜明朋</t>
    <rPh sb="0" eb="2">
      <t>ケンリツ</t>
    </rPh>
    <rPh sb="2" eb="4">
      <t>ヨコハマ</t>
    </rPh>
    <rPh sb="4" eb="5">
      <t>メイ</t>
    </rPh>
    <rPh sb="5" eb="6">
      <t>ホウ</t>
    </rPh>
    <phoneticPr fontId="7"/>
  </si>
  <si>
    <t>普通科午前部</t>
    <rPh sb="0" eb="3">
      <t>フツウカ</t>
    </rPh>
    <rPh sb="3" eb="5">
      <t>ゴゼン</t>
    </rPh>
    <phoneticPr fontId="7"/>
  </si>
  <si>
    <t>普通科午後部</t>
    <rPh sb="0" eb="3">
      <t>フツウカ</t>
    </rPh>
    <rPh sb="3" eb="5">
      <t>ゴゴ</t>
    </rPh>
    <rPh sb="5" eb="6">
      <t>ブ</t>
    </rPh>
    <phoneticPr fontId="7"/>
  </si>
  <si>
    <t>県立川崎</t>
    <rPh sb="0" eb="2">
      <t>ケンリツ</t>
    </rPh>
    <rPh sb="2" eb="4">
      <t>カワサキ</t>
    </rPh>
    <phoneticPr fontId="3"/>
  </si>
  <si>
    <t>県立湘南</t>
    <rPh sb="0" eb="2">
      <t>ケンリツ</t>
    </rPh>
    <rPh sb="2" eb="4">
      <t>ショウナン</t>
    </rPh>
    <phoneticPr fontId="7"/>
  </si>
  <si>
    <t>県立高浜</t>
    <rPh sb="0" eb="2">
      <t>ケンリツ</t>
    </rPh>
    <rPh sb="2" eb="4">
      <t>タカハマ</t>
    </rPh>
    <phoneticPr fontId="15"/>
  </si>
  <si>
    <t>普通科</t>
    <rPh sb="0" eb="3">
      <t>フツウカ</t>
    </rPh>
    <phoneticPr fontId="15"/>
  </si>
  <si>
    <t>県立小田原</t>
    <rPh sb="0" eb="2">
      <t>ケンリツ</t>
    </rPh>
    <rPh sb="2" eb="5">
      <t>オダワラ</t>
    </rPh>
    <phoneticPr fontId="7"/>
  </si>
  <si>
    <t>県立相模向陽館</t>
    <rPh sb="0" eb="2">
      <t>ケンリツ</t>
    </rPh>
    <rPh sb="2" eb="4">
      <t>サガミ</t>
    </rPh>
    <rPh sb="4" eb="7">
      <t>コウヨウカン</t>
    </rPh>
    <phoneticPr fontId="7"/>
  </si>
  <si>
    <t>普通科午前部</t>
    <rPh sb="0" eb="2">
      <t>フツウ</t>
    </rPh>
    <rPh sb="2" eb="3">
      <t>カ</t>
    </rPh>
    <rPh sb="3" eb="6">
      <t>ゴゼンブ</t>
    </rPh>
    <phoneticPr fontId="3"/>
  </si>
  <si>
    <t>普通科午後部</t>
    <rPh sb="0" eb="2">
      <t>フツウ</t>
    </rPh>
    <rPh sb="2" eb="3">
      <t>カ</t>
    </rPh>
    <rPh sb="3" eb="6">
      <t>ゴゴブ</t>
    </rPh>
    <phoneticPr fontId="3"/>
  </si>
  <si>
    <t>県立神奈川総合産業</t>
    <rPh sb="0" eb="2">
      <t>ケンリツ</t>
    </rPh>
    <rPh sb="2" eb="9">
      <t>カナガワソウゴウサンギョウ</t>
    </rPh>
    <phoneticPr fontId="3"/>
  </si>
  <si>
    <t>単位制　総合学科</t>
    <rPh sb="0" eb="3">
      <t>タンイセイ</t>
    </rPh>
    <rPh sb="4" eb="6">
      <t>ソウゴウ</t>
    </rPh>
    <rPh sb="6" eb="8">
      <t>ガッカ</t>
    </rPh>
    <phoneticPr fontId="3"/>
  </si>
  <si>
    <t>横浜市立横浜総合</t>
    <rPh sb="0" eb="4">
      <t>ヨコハマイチリツ</t>
    </rPh>
    <rPh sb="4" eb="6">
      <t>ヨコハマ</t>
    </rPh>
    <rPh sb="6" eb="8">
      <t>ソウゴウ</t>
    </rPh>
    <phoneticPr fontId="7"/>
  </si>
  <si>
    <t>総合学科Ⅰ部</t>
    <rPh sb="0" eb="4">
      <t>ソウゴウガッカ</t>
    </rPh>
    <rPh sb="5" eb="6">
      <t>ブ</t>
    </rPh>
    <phoneticPr fontId="7"/>
  </si>
  <si>
    <t>　</t>
    <phoneticPr fontId="7"/>
  </si>
  <si>
    <t>総合学科Ⅱ部</t>
    <rPh sb="0" eb="4">
      <t>ソウゴウガッカ</t>
    </rPh>
    <rPh sb="5" eb="6">
      <t>ブ</t>
    </rPh>
    <phoneticPr fontId="7"/>
  </si>
  <si>
    <t>総合学科Ⅲ部</t>
    <rPh sb="0" eb="4">
      <t>ソウゴウガッカ</t>
    </rPh>
    <rPh sb="5" eb="6">
      <t>ブ</t>
    </rPh>
    <phoneticPr fontId="7"/>
  </si>
  <si>
    <t>横須賀市立横須賀総合</t>
    <rPh sb="0" eb="5">
      <t>ヨコスカシリツ</t>
    </rPh>
    <rPh sb="5" eb="8">
      <t>ヨコスカ</t>
    </rPh>
    <rPh sb="8" eb="10">
      <t>ソウゴウ</t>
    </rPh>
    <phoneticPr fontId="7"/>
  </si>
  <si>
    <t>総合学科</t>
    <rPh sb="0" eb="2">
      <t>ソウゴウ</t>
    </rPh>
    <rPh sb="2" eb="4">
      <t>ガッカ</t>
    </rPh>
    <phoneticPr fontId="7"/>
  </si>
  <si>
    <t>※　横浜市立横浜総合高等学校総合学科Ⅱ部及び総合学科Ⅲ部の合格者数には、第２希望による合格者が含まれています。</t>
    <rPh sb="2" eb="4">
      <t>ヨコハマ</t>
    </rPh>
    <rPh sb="4" eb="6">
      <t>シリツ</t>
    </rPh>
    <rPh sb="6" eb="8">
      <t>ヨコハマ</t>
    </rPh>
    <rPh sb="8" eb="10">
      <t>ソウゴウ</t>
    </rPh>
    <rPh sb="14" eb="16">
      <t>ソウゴウ</t>
    </rPh>
    <rPh sb="16" eb="18">
      <t>ガッカ</t>
    </rPh>
    <rPh sb="19" eb="20">
      <t>ブ</t>
    </rPh>
    <rPh sb="20" eb="21">
      <t>オヨ</t>
    </rPh>
    <rPh sb="22" eb="24">
      <t>ソウゴウ</t>
    </rPh>
    <rPh sb="24" eb="26">
      <t>ガッカ</t>
    </rPh>
    <rPh sb="27" eb="28">
      <t>ブ</t>
    </rPh>
    <rPh sb="32" eb="33">
      <t>スウ</t>
    </rPh>
    <phoneticPr fontId="3"/>
  </si>
  <si>
    <t>単位制　専門学科（工業に関する学科）</t>
    <rPh sb="0" eb="3">
      <t>タンイセイ</t>
    </rPh>
    <rPh sb="4" eb="6">
      <t>センモン</t>
    </rPh>
    <rPh sb="6" eb="8">
      <t>ガッカ</t>
    </rPh>
    <rPh sb="9" eb="11">
      <t>コウギョウ</t>
    </rPh>
    <rPh sb="12" eb="13">
      <t>カン</t>
    </rPh>
    <rPh sb="15" eb="17">
      <t>ガッカ</t>
    </rPh>
    <phoneticPr fontId="3"/>
  </si>
  <si>
    <t>（通信制の課程）</t>
    <rPh sb="1" eb="3">
      <t>ツウシン</t>
    </rPh>
    <rPh sb="3" eb="4">
      <t>セイ</t>
    </rPh>
    <rPh sb="5" eb="7">
      <t>カテイ</t>
    </rPh>
    <phoneticPr fontId="7"/>
  </si>
  <si>
    <t>単位制　普通科</t>
    <rPh sb="0" eb="3">
      <t>タンイセイ</t>
    </rPh>
    <rPh sb="4" eb="6">
      <t>フツウ</t>
    </rPh>
    <rPh sb="6" eb="7">
      <t>カ</t>
    </rPh>
    <phoneticPr fontId="3"/>
  </si>
  <si>
    <t>県立横浜修悠館</t>
    <rPh sb="0" eb="2">
      <t>ケンリツ</t>
    </rPh>
    <rPh sb="2" eb="4">
      <t>ヨコハマ</t>
    </rPh>
    <rPh sb="4" eb="5">
      <t>シュウ</t>
    </rPh>
    <rPh sb="5" eb="6">
      <t>ユウ</t>
    </rPh>
    <rPh sb="6" eb="7">
      <t>カン</t>
    </rPh>
    <phoneticPr fontId="7"/>
  </si>
  <si>
    <t>県立厚木清南</t>
    <rPh sb="0" eb="2">
      <t>ケンリツ</t>
    </rPh>
    <rPh sb="2" eb="4">
      <t>アツギ</t>
    </rPh>
    <rPh sb="4" eb="5">
      <t>シン</t>
    </rPh>
    <rPh sb="5" eb="6">
      <t>ミナミ</t>
    </rPh>
    <phoneticPr fontId="3"/>
  </si>
  <si>
    <t>－</t>
    <phoneticPr fontId="3"/>
  </si>
  <si>
    <t>※　通信制の課程の受検者数２月17日(A)は、２月19日までの作文の受検者数です。</t>
    <rPh sb="2" eb="5">
      <t>ツウシンセイ</t>
    </rPh>
    <rPh sb="6" eb="8">
      <t>カテイ</t>
    </rPh>
    <rPh sb="27" eb="28">
      <t>ニチ</t>
    </rPh>
    <rPh sb="31" eb="33">
      <t>サクブン</t>
    </rPh>
    <phoneticPr fontId="3"/>
  </si>
  <si>
    <t>合格者数</t>
    <rPh sb="0" eb="3">
      <t>ゴウカクシャ</t>
    </rPh>
    <rPh sb="3" eb="4">
      <t>スウ</t>
    </rPh>
    <phoneticPr fontId="3"/>
  </si>
  <si>
    <t>普通科個性化コース</t>
    <rPh sb="0" eb="3">
      <t>フツウカ</t>
    </rPh>
    <rPh sb="3" eb="6">
      <t>コセイカ</t>
    </rPh>
    <phoneticPr fontId="3"/>
  </si>
  <si>
    <t>普通科国際文化コース</t>
    <rPh sb="0" eb="3">
      <t>フツウカ</t>
    </rPh>
    <rPh sb="3" eb="5">
      <t>コクサイ</t>
    </rPh>
    <rPh sb="5" eb="7">
      <t>ブンカ</t>
    </rPh>
    <phoneticPr fontId="3"/>
  </si>
  <si>
    <t>　　計</t>
    <rPh sb="2" eb="3">
      <t>ケイ</t>
    </rPh>
    <phoneticPr fontId="3"/>
  </si>
  <si>
    <t>県立横浜緑園</t>
    <rPh sb="0" eb="2">
      <t>ケンリツ</t>
    </rPh>
    <rPh sb="2" eb="4">
      <t>ヨコハマ</t>
    </rPh>
    <rPh sb="4" eb="6">
      <t>リョクエン</t>
    </rPh>
    <phoneticPr fontId="3"/>
  </si>
  <si>
    <t>県立横浜桜陽</t>
    <rPh sb="0" eb="2">
      <t>ケンリツ</t>
    </rPh>
    <rPh sb="2" eb="4">
      <t>ヨコハマ</t>
    </rPh>
    <rPh sb="4" eb="5">
      <t>オウ</t>
    </rPh>
    <rPh sb="5" eb="6">
      <t>ヨウ</t>
    </rPh>
    <phoneticPr fontId="3"/>
  </si>
  <si>
    <t>県立横浜清陵</t>
    <rPh sb="0" eb="2">
      <t>ケンリツ</t>
    </rPh>
    <rPh sb="2" eb="4">
      <t>ヨコハマ</t>
    </rPh>
    <rPh sb="4" eb="6">
      <t>セイリョウ</t>
    </rPh>
    <phoneticPr fontId="3"/>
  </si>
  <si>
    <t>県立横浜栄</t>
    <rPh sb="0" eb="2">
      <t>ケンリツ</t>
    </rPh>
    <rPh sb="2" eb="4">
      <t>ヨコハマ</t>
    </rPh>
    <rPh sb="4" eb="5">
      <t>サカエ</t>
    </rPh>
    <phoneticPr fontId="7"/>
  </si>
  <si>
    <t>普通科</t>
    <rPh sb="0" eb="3">
      <t>フツウカ</t>
    </rPh>
    <phoneticPr fontId="7"/>
  </si>
  <si>
    <t>県立大師</t>
    <rPh sb="0" eb="2">
      <t>ケンリツ</t>
    </rPh>
    <rPh sb="2" eb="4">
      <t>ダイシ</t>
    </rPh>
    <phoneticPr fontId="3"/>
  </si>
  <si>
    <t>県立三浦初声</t>
    <rPh sb="0" eb="2">
      <t>ケンリツ</t>
    </rPh>
    <rPh sb="2" eb="4">
      <t>ミウラ</t>
    </rPh>
    <rPh sb="4" eb="5">
      <t>ハツ</t>
    </rPh>
    <rPh sb="5" eb="6">
      <t>コエ</t>
    </rPh>
    <phoneticPr fontId="3"/>
  </si>
  <si>
    <t>県立藤沢清流</t>
    <rPh sb="0" eb="2">
      <t>ケンリツ</t>
    </rPh>
    <rPh sb="2" eb="4">
      <t>フジサワ</t>
    </rPh>
    <rPh sb="4" eb="6">
      <t>セイリュウ</t>
    </rPh>
    <phoneticPr fontId="3"/>
  </si>
  <si>
    <t>県立平塚湘風</t>
    <rPh sb="0" eb="2">
      <t>ケンリツ</t>
    </rPh>
    <rPh sb="2" eb="4">
      <t>ヒラツカ</t>
    </rPh>
    <rPh sb="4" eb="5">
      <t>ショウ</t>
    </rPh>
    <rPh sb="5" eb="6">
      <t>フウ</t>
    </rPh>
    <phoneticPr fontId="7"/>
  </si>
  <si>
    <t>県立小田原</t>
    <rPh sb="0" eb="2">
      <t>ケンリツ</t>
    </rPh>
    <rPh sb="2" eb="5">
      <t>オダワラ</t>
    </rPh>
    <phoneticPr fontId="3"/>
  </si>
  <si>
    <t>県立厚木清南</t>
    <rPh sb="0" eb="2">
      <t>ケンリツ</t>
    </rPh>
    <rPh sb="2" eb="4">
      <t>アツギ</t>
    </rPh>
    <rPh sb="4" eb="6">
      <t>セイナン</t>
    </rPh>
    <phoneticPr fontId="3"/>
  </si>
  <si>
    <t>県立相模原城山</t>
    <rPh sb="0" eb="2">
      <t>ケンリツ</t>
    </rPh>
    <rPh sb="2" eb="5">
      <t>サガミハラ</t>
    </rPh>
    <rPh sb="5" eb="7">
      <t>シロヤマ</t>
    </rPh>
    <phoneticPr fontId="3"/>
  </si>
  <si>
    <t>県立相模原弥栄</t>
    <rPh sb="0" eb="2">
      <t>ケンリツ</t>
    </rPh>
    <rPh sb="2" eb="5">
      <t>サガミハラ</t>
    </rPh>
    <rPh sb="5" eb="6">
      <t>ヤ</t>
    </rPh>
    <rPh sb="6" eb="7">
      <t>サカ</t>
    </rPh>
    <phoneticPr fontId="3"/>
  </si>
  <si>
    <t>横浜市立戸塚</t>
    <rPh sb="0" eb="4">
      <t>ヨコハマシリツ</t>
    </rPh>
    <rPh sb="4" eb="6">
      <t>トツカ</t>
    </rPh>
    <phoneticPr fontId="3"/>
  </si>
  <si>
    <t>普通科一般コース</t>
    <rPh sb="0" eb="3">
      <t>フツウカ</t>
    </rPh>
    <rPh sb="3" eb="5">
      <t>イッパン</t>
    </rPh>
    <phoneticPr fontId="3"/>
  </si>
  <si>
    <t>単位制　普通科専門コース</t>
    <rPh sb="0" eb="3">
      <t>タンイセイ</t>
    </rPh>
    <rPh sb="4" eb="7">
      <t>フツウカ</t>
    </rPh>
    <rPh sb="7" eb="9">
      <t>センモン</t>
    </rPh>
    <phoneticPr fontId="3"/>
  </si>
  <si>
    <t>普通科音楽コース</t>
    <rPh sb="0" eb="3">
      <t>フツウカ</t>
    </rPh>
    <rPh sb="3" eb="5">
      <t>オンガク</t>
    </rPh>
    <phoneticPr fontId="3"/>
  </si>
  <si>
    <t>単位制　総合学科　（クリエイティブスクールを除く。）</t>
    <rPh sb="0" eb="3">
      <t>タンイセイ</t>
    </rPh>
    <rPh sb="4" eb="6">
      <t>ソウゴウ</t>
    </rPh>
    <rPh sb="6" eb="8">
      <t>ガッカ</t>
    </rPh>
    <rPh sb="22" eb="23">
      <t>ノゾ</t>
    </rPh>
    <phoneticPr fontId="3"/>
  </si>
  <si>
    <t>県立鶴見総合</t>
    <rPh sb="0" eb="2">
      <t>ケンリツ</t>
    </rPh>
    <rPh sb="2" eb="4">
      <t>ツルミ</t>
    </rPh>
    <rPh sb="4" eb="6">
      <t>ソウゴウ</t>
    </rPh>
    <phoneticPr fontId="3"/>
  </si>
  <si>
    <t>総合学科</t>
    <rPh sb="0" eb="2">
      <t>ソウゴウ</t>
    </rPh>
    <rPh sb="2" eb="4">
      <t>ガッカ</t>
    </rPh>
    <phoneticPr fontId="3"/>
  </si>
  <si>
    <t>県立金沢総合</t>
    <rPh sb="0" eb="2">
      <t>ケンリツ</t>
    </rPh>
    <rPh sb="2" eb="4">
      <t>カナザワ</t>
    </rPh>
    <rPh sb="4" eb="6">
      <t>ソウゴウ</t>
    </rPh>
    <phoneticPr fontId="3"/>
  </si>
  <si>
    <t>県立藤沢総合</t>
    <rPh sb="0" eb="2">
      <t>ケンリツ</t>
    </rPh>
    <rPh sb="2" eb="4">
      <t>フジサワ</t>
    </rPh>
    <rPh sb="4" eb="6">
      <t>ソウゴウ</t>
    </rPh>
    <phoneticPr fontId="3"/>
  </si>
  <si>
    <t>県立秦野総合</t>
    <rPh sb="0" eb="2">
      <t>ケンリツ</t>
    </rPh>
    <rPh sb="2" eb="4">
      <t>ハダノ</t>
    </rPh>
    <rPh sb="4" eb="6">
      <t>ソウゴウ</t>
    </rPh>
    <phoneticPr fontId="7"/>
  </si>
  <si>
    <t>県立座間総合</t>
    <rPh sb="0" eb="2">
      <t>ケンリツ</t>
    </rPh>
    <rPh sb="2" eb="4">
      <t>ザマ</t>
    </rPh>
    <rPh sb="4" eb="6">
      <t>ソウゴウ</t>
    </rPh>
    <phoneticPr fontId="7"/>
  </si>
  <si>
    <t>横浜市立みなと総合</t>
    <rPh sb="0" eb="4">
      <t>ヨコハマイチリツ</t>
    </rPh>
    <rPh sb="7" eb="9">
      <t>ソウゴウ</t>
    </rPh>
    <phoneticPr fontId="3"/>
  </si>
  <si>
    <t>横須賀市立横須賀総合</t>
    <rPh sb="0" eb="5">
      <t>ヨコスカシリツ</t>
    </rPh>
    <rPh sb="5" eb="8">
      <t>ヨコスカ</t>
    </rPh>
    <rPh sb="8" eb="10">
      <t>ソウゴウ</t>
    </rPh>
    <phoneticPr fontId="3"/>
  </si>
  <si>
    <t>単位制　総合学科　クリエイティブスクール</t>
    <rPh sb="0" eb="3">
      <t>タンイセイ</t>
    </rPh>
    <rPh sb="4" eb="6">
      <t>ソウゴウ</t>
    </rPh>
    <rPh sb="6" eb="8">
      <t>ガッカ</t>
    </rPh>
    <phoneticPr fontId="3"/>
  </si>
  <si>
    <t>県立青葉総合</t>
    <rPh sb="0" eb="2">
      <t>ケンリツ</t>
    </rPh>
    <rPh sb="2" eb="4">
      <t>アオバ</t>
    </rPh>
    <rPh sb="4" eb="6">
      <t>ソウゴウ</t>
    </rPh>
    <phoneticPr fontId="3"/>
  </si>
  <si>
    <t>※　単位制総合学科クリエイティブスクールの受検者数２月17日(A)は、２月19日までの特色検査（面接）の受検者数です。</t>
    <rPh sb="2" eb="5">
      <t>タンイセイ</t>
    </rPh>
    <rPh sb="5" eb="7">
      <t>ソウゴウ</t>
    </rPh>
    <rPh sb="7" eb="9">
      <t>ガッカ</t>
    </rPh>
    <phoneticPr fontId="3"/>
  </si>
  <si>
    <t>単位制　専門学科（農業に関する学科）</t>
    <rPh sb="9" eb="11">
      <t>ノウギョウ</t>
    </rPh>
    <rPh sb="12" eb="13">
      <t>カン</t>
    </rPh>
    <rPh sb="15" eb="17">
      <t>ガッカ</t>
    </rPh>
    <phoneticPr fontId="7"/>
  </si>
  <si>
    <t>県立三浦初声</t>
    <rPh sb="0" eb="1">
      <t>ケン</t>
    </rPh>
    <rPh sb="1" eb="2">
      <t>リツ</t>
    </rPh>
    <rPh sb="2" eb="4">
      <t>ミウラ</t>
    </rPh>
    <rPh sb="4" eb="5">
      <t>ハツ</t>
    </rPh>
    <rPh sb="5" eb="6">
      <t>コエ</t>
    </rPh>
    <phoneticPr fontId="7"/>
  </si>
  <si>
    <t>都市農業科</t>
    <rPh sb="0" eb="2">
      <t>トシ</t>
    </rPh>
    <rPh sb="2" eb="4">
      <t>ノウギョウ</t>
    </rPh>
    <rPh sb="4" eb="5">
      <t>カ</t>
    </rPh>
    <phoneticPr fontId="3"/>
  </si>
  <si>
    <t>県立吉田島</t>
    <rPh sb="0" eb="2">
      <t>ケンリツ</t>
    </rPh>
    <rPh sb="2" eb="5">
      <t>ヨシダジマ</t>
    </rPh>
    <phoneticPr fontId="7"/>
  </si>
  <si>
    <t>食品加工科</t>
    <rPh sb="0" eb="2">
      <t>ショクヒン</t>
    </rPh>
    <rPh sb="2" eb="4">
      <t>カコウ</t>
    </rPh>
    <rPh sb="4" eb="5">
      <t>カ</t>
    </rPh>
    <phoneticPr fontId="3"/>
  </si>
  <si>
    <t>環境緑地科</t>
    <rPh sb="0" eb="2">
      <t>カンキョウ</t>
    </rPh>
    <rPh sb="2" eb="4">
      <t>リョクチ</t>
    </rPh>
    <rPh sb="4" eb="5">
      <t>カ</t>
    </rPh>
    <phoneticPr fontId="3"/>
  </si>
  <si>
    <t>合　　計</t>
    <phoneticPr fontId="3"/>
  </si>
  <si>
    <t>単位制　専門学科（家庭に関する学科）</t>
    <rPh sb="0" eb="3">
      <t>タンイセイ</t>
    </rPh>
    <rPh sb="4" eb="6">
      <t>センモン</t>
    </rPh>
    <rPh sb="6" eb="8">
      <t>ガッカ</t>
    </rPh>
    <rPh sb="9" eb="11">
      <t>カテイ</t>
    </rPh>
    <rPh sb="12" eb="13">
      <t>カン</t>
    </rPh>
    <rPh sb="15" eb="17">
      <t>ガッカ</t>
    </rPh>
    <phoneticPr fontId="3"/>
  </si>
  <si>
    <t>生活科学科</t>
    <rPh sb="0" eb="2">
      <t>セイカツ</t>
    </rPh>
    <rPh sb="2" eb="4">
      <t>カガク</t>
    </rPh>
    <rPh sb="4" eb="5">
      <t>カ</t>
    </rPh>
    <phoneticPr fontId="3"/>
  </si>
  <si>
    <t>単位制　専門学科（理数に関する学科）</t>
    <rPh sb="0" eb="3">
      <t>タンイセイ</t>
    </rPh>
    <rPh sb="4" eb="6">
      <t>センモン</t>
    </rPh>
    <rPh sb="6" eb="8">
      <t>ガッカ</t>
    </rPh>
    <rPh sb="9" eb="11">
      <t>リスウ</t>
    </rPh>
    <rPh sb="12" eb="13">
      <t>カン</t>
    </rPh>
    <rPh sb="15" eb="17">
      <t>ガッカ</t>
    </rPh>
    <phoneticPr fontId="3"/>
  </si>
  <si>
    <t>横浜市立横浜サイエンスフロンティア</t>
    <rPh sb="0" eb="2">
      <t>ヨコハマ</t>
    </rPh>
    <rPh sb="2" eb="4">
      <t>イチリツ</t>
    </rPh>
    <rPh sb="4" eb="6">
      <t>ヨコハマ</t>
    </rPh>
    <phoneticPr fontId="7"/>
  </si>
  <si>
    <t>理数科</t>
    <rPh sb="0" eb="3">
      <t>リスウカ</t>
    </rPh>
    <phoneticPr fontId="7"/>
  </si>
  <si>
    <t>単位制　専門学科（体育に関する学科）</t>
    <rPh sb="9" eb="11">
      <t>タイイク</t>
    </rPh>
    <rPh sb="12" eb="13">
      <t>カン</t>
    </rPh>
    <rPh sb="15" eb="17">
      <t>ガッカ</t>
    </rPh>
    <phoneticPr fontId="7"/>
  </si>
  <si>
    <t>県立相模原弥栄</t>
    <rPh sb="0" eb="2">
      <t>ケンリツ</t>
    </rPh>
    <rPh sb="2" eb="5">
      <t>サガミハラ</t>
    </rPh>
    <rPh sb="5" eb="7">
      <t>ヤエイ</t>
    </rPh>
    <phoneticPr fontId="7"/>
  </si>
  <si>
    <t>スポーツ科学科</t>
    <rPh sb="4" eb="6">
      <t>カガク</t>
    </rPh>
    <rPh sb="6" eb="7">
      <t>カ</t>
    </rPh>
    <phoneticPr fontId="7"/>
  </si>
  <si>
    <t>単位制　専門学科（音楽に関する学科）</t>
    <rPh sb="9" eb="11">
      <t>オンガク</t>
    </rPh>
    <rPh sb="12" eb="13">
      <t>カン</t>
    </rPh>
    <rPh sb="15" eb="17">
      <t>ガッカ</t>
    </rPh>
    <phoneticPr fontId="7"/>
  </si>
  <si>
    <t>音楽科</t>
    <rPh sb="0" eb="2">
      <t>オンガク</t>
    </rPh>
    <rPh sb="2" eb="3">
      <t>カ</t>
    </rPh>
    <phoneticPr fontId="7"/>
  </si>
  <si>
    <t>単位制　専門学科（美術に関する学科）</t>
    <rPh sb="9" eb="11">
      <t>ビジュツ</t>
    </rPh>
    <rPh sb="12" eb="13">
      <t>カン</t>
    </rPh>
    <rPh sb="15" eb="17">
      <t>ガッカ</t>
    </rPh>
    <phoneticPr fontId="7"/>
  </si>
  <si>
    <t>美術科</t>
    <rPh sb="0" eb="2">
      <t>ビジュツ</t>
    </rPh>
    <rPh sb="2" eb="3">
      <t>カ</t>
    </rPh>
    <phoneticPr fontId="7"/>
  </si>
  <si>
    <t>単位制　専門学科（国際関係に関する学科）</t>
    <rPh sb="9" eb="11">
      <t>コクサイ</t>
    </rPh>
    <rPh sb="11" eb="13">
      <t>カンケイ</t>
    </rPh>
    <rPh sb="14" eb="15">
      <t>カン</t>
    </rPh>
    <rPh sb="17" eb="19">
      <t>ガッカ</t>
    </rPh>
    <phoneticPr fontId="7"/>
  </si>
  <si>
    <t xml:space="preserve"> 学科 ・ コース名</t>
    <rPh sb="1" eb="2">
      <t>ガク</t>
    </rPh>
    <rPh sb="2" eb="3">
      <t>カ</t>
    </rPh>
    <rPh sb="9" eb="10">
      <t>ナ</t>
    </rPh>
    <phoneticPr fontId="3"/>
  </si>
  <si>
    <t>県立横浜国際</t>
    <rPh sb="0" eb="2">
      <t>ケンリツ</t>
    </rPh>
    <rPh sb="2" eb="4">
      <t>ヨコハマ</t>
    </rPh>
    <rPh sb="4" eb="6">
      <t>コクサイ</t>
    </rPh>
    <phoneticPr fontId="7"/>
  </si>
  <si>
    <t>国際科</t>
    <rPh sb="0" eb="2">
      <t>コクサイ</t>
    </rPh>
    <rPh sb="2" eb="3">
      <t>カ</t>
    </rPh>
    <phoneticPr fontId="7"/>
  </si>
  <si>
    <t>国際科国際バカロレア
コース</t>
    <rPh sb="0" eb="2">
      <t>コクサイ</t>
    </rPh>
    <rPh sb="2" eb="3">
      <t>カ</t>
    </rPh>
    <rPh sb="3" eb="5">
      <t>コクサイ</t>
    </rPh>
    <phoneticPr fontId="7"/>
  </si>
  <si>
    <t>※　県立横浜国際高等学校国際科は、国際科国際バカロレアコースを除く国際科です。</t>
    <rPh sb="8" eb="10">
      <t>コウトウ</t>
    </rPh>
    <rPh sb="10" eb="12">
      <t>ガッコウ</t>
    </rPh>
    <phoneticPr fontId="3"/>
  </si>
  <si>
    <t>※　県立横浜国際高等学校国際科国際バカロレアコースの合格者は、海外帰国生徒特別募集における国際科国際バカロレアコースの欠員者数を</t>
    <rPh sb="2" eb="4">
      <t>ケンリツ</t>
    </rPh>
    <rPh sb="4" eb="6">
      <t>ヨコハマ</t>
    </rPh>
    <rPh sb="6" eb="8">
      <t>コクサイ</t>
    </rPh>
    <rPh sb="8" eb="10">
      <t>コウトウ</t>
    </rPh>
    <rPh sb="10" eb="12">
      <t>ガッコウ</t>
    </rPh>
    <rPh sb="12" eb="14">
      <t>コクサイ</t>
    </rPh>
    <rPh sb="14" eb="15">
      <t>カ</t>
    </rPh>
    <rPh sb="15" eb="17">
      <t>コクサイ</t>
    </rPh>
    <rPh sb="25" eb="26">
      <t>ガッカ</t>
    </rPh>
    <rPh sb="26" eb="29">
      <t>ゴウカクシャ</t>
    </rPh>
    <rPh sb="31" eb="33">
      <t>カイガイ</t>
    </rPh>
    <rPh sb="33" eb="35">
      <t>キコク</t>
    </rPh>
    <rPh sb="35" eb="37">
      <t>セイト</t>
    </rPh>
    <rPh sb="37" eb="39">
      <t>トクベツ</t>
    </rPh>
    <rPh sb="39" eb="41">
      <t>ボシュウ</t>
    </rPh>
    <rPh sb="59" eb="61">
      <t>ケツイン</t>
    </rPh>
    <rPh sb="61" eb="62">
      <t>シャ</t>
    </rPh>
    <rPh sb="62" eb="63">
      <t>スウ</t>
    </rPh>
    <phoneticPr fontId="3"/>
  </si>
  <si>
    <t>　　加えて決定しています。</t>
    <phoneticPr fontId="3"/>
  </si>
  <si>
    <t>※　県立横浜国際高等学校国際科国際バカロレアコースの合格者数には、第２希望による合格者が含まれています。</t>
    <rPh sb="29" eb="30">
      <t>スウ</t>
    </rPh>
    <phoneticPr fontId="3"/>
  </si>
  <si>
    <t>単位制　専門学科（総合産業に関する学科）</t>
    <rPh sb="0" eb="3">
      <t>タンイセイ</t>
    </rPh>
    <rPh sb="4" eb="6">
      <t>センモン</t>
    </rPh>
    <rPh sb="6" eb="8">
      <t>ガッカ</t>
    </rPh>
    <rPh sb="9" eb="11">
      <t>ソウゴウ</t>
    </rPh>
    <rPh sb="11" eb="13">
      <t>サンギョウ</t>
    </rPh>
    <rPh sb="14" eb="15">
      <t>カン</t>
    </rPh>
    <rPh sb="17" eb="19">
      <t>ガッカ</t>
    </rPh>
    <phoneticPr fontId="3"/>
  </si>
  <si>
    <t>県立神奈川総合産業</t>
    <rPh sb="0" eb="2">
      <t>ケンリツ</t>
    </rPh>
    <rPh sb="2" eb="5">
      <t>カナガワ</t>
    </rPh>
    <rPh sb="5" eb="7">
      <t>ソウゴウ</t>
    </rPh>
    <rPh sb="7" eb="9">
      <t>サンギョウ</t>
    </rPh>
    <phoneticPr fontId="3"/>
  </si>
  <si>
    <t>総合産業科</t>
    <rPh sb="0" eb="2">
      <t>ソウゴウ</t>
    </rPh>
    <rPh sb="2" eb="4">
      <t>サンギョウ</t>
    </rPh>
    <rPh sb="4" eb="5">
      <t>カ</t>
    </rPh>
    <phoneticPr fontId="3"/>
  </si>
  <si>
    <t>単位制　専門学科（舞台芸術に関する学科）</t>
    <rPh sb="9" eb="11">
      <t>ブタイ</t>
    </rPh>
    <rPh sb="11" eb="13">
      <t>ゲイジュツ</t>
    </rPh>
    <rPh sb="14" eb="15">
      <t>カン</t>
    </rPh>
    <rPh sb="17" eb="19">
      <t>ガッカ</t>
    </rPh>
    <phoneticPr fontId="7"/>
  </si>
  <si>
    <t>舞台芸術科</t>
    <rPh sb="0" eb="2">
      <t>ブタイ</t>
    </rPh>
    <rPh sb="2" eb="4">
      <t>ゲイジュツ</t>
    </rPh>
    <rPh sb="4" eb="5">
      <t>カ</t>
    </rPh>
    <phoneticPr fontId="3"/>
  </si>
  <si>
    <t>２　連携募集合格状況</t>
    <rPh sb="2" eb="4">
      <t>レンケイ</t>
    </rPh>
    <rPh sb="4" eb="6">
      <t>ボシュウ</t>
    </rPh>
    <rPh sb="6" eb="8">
      <t>ゴウカク</t>
    </rPh>
    <rPh sb="8" eb="10">
      <t>ジョウキョウ</t>
    </rPh>
    <phoneticPr fontId="3"/>
  </si>
  <si>
    <t>２月18日</t>
    <phoneticPr fontId="3"/>
  </si>
  <si>
    <t>県立光陵</t>
    <rPh sb="0" eb="2">
      <t>ケンリツ</t>
    </rPh>
    <rPh sb="2" eb="3">
      <t>コウ</t>
    </rPh>
    <rPh sb="3" eb="4">
      <t>リョウ</t>
    </rPh>
    <phoneticPr fontId="3"/>
  </si>
  <si>
    <t>県立愛川</t>
    <rPh sb="0" eb="2">
      <t>ケンリツ</t>
    </rPh>
    <rPh sb="2" eb="4">
      <t>アイカワ</t>
    </rPh>
    <phoneticPr fontId="3"/>
  </si>
  <si>
    <t>専門学科（農業に関する学科）</t>
    <rPh sb="5" eb="7">
      <t>ノウギョウ</t>
    </rPh>
    <rPh sb="8" eb="9">
      <t>カン</t>
    </rPh>
    <rPh sb="11" eb="13">
      <t>ガッカ</t>
    </rPh>
    <phoneticPr fontId="3"/>
  </si>
  <si>
    <t>県立平塚農商</t>
    <rPh sb="0" eb="2">
      <t>ケンリツ</t>
    </rPh>
    <rPh sb="2" eb="4">
      <t>ヒラツカ</t>
    </rPh>
    <rPh sb="4" eb="5">
      <t>ノウ</t>
    </rPh>
    <rPh sb="5" eb="6">
      <t>ショウ</t>
    </rPh>
    <phoneticPr fontId="3"/>
  </si>
  <si>
    <t>都市農業科</t>
    <rPh sb="0" eb="2">
      <t>トシ</t>
    </rPh>
    <rPh sb="2" eb="4">
      <t>ノウギョウ</t>
    </rPh>
    <rPh sb="4" eb="5">
      <t>カ</t>
    </rPh>
    <phoneticPr fontId="13"/>
  </si>
  <si>
    <t>都市環境科</t>
    <rPh sb="0" eb="2">
      <t>トシ</t>
    </rPh>
    <rPh sb="2" eb="4">
      <t>カンキョウ</t>
    </rPh>
    <rPh sb="4" eb="5">
      <t>カ</t>
    </rPh>
    <phoneticPr fontId="5"/>
  </si>
  <si>
    <t>食品科学科</t>
    <rPh sb="0" eb="2">
      <t>ショクヒン</t>
    </rPh>
    <rPh sb="2" eb="4">
      <t>カガク</t>
    </rPh>
    <rPh sb="3" eb="5">
      <t>ガッカ</t>
    </rPh>
    <phoneticPr fontId="3"/>
  </si>
  <si>
    <t>農業総合科</t>
    <rPh sb="0" eb="2">
      <t>ノウギョウ</t>
    </rPh>
    <rPh sb="2" eb="4">
      <t>ソウゴウ</t>
    </rPh>
    <rPh sb="4" eb="5">
      <t>カ</t>
    </rPh>
    <phoneticPr fontId="3"/>
  </si>
  <si>
    <t>県立相原</t>
    <rPh sb="0" eb="2">
      <t>ケンリツ</t>
    </rPh>
    <rPh sb="2" eb="4">
      <t>アイハラ</t>
    </rPh>
    <phoneticPr fontId="3"/>
  </si>
  <si>
    <t>畜産科学科</t>
    <rPh sb="0" eb="2">
      <t>チクサンカ</t>
    </rPh>
    <rPh sb="2" eb="5">
      <t>カガクカ</t>
    </rPh>
    <phoneticPr fontId="3"/>
  </si>
  <si>
    <t>食品科学科</t>
    <rPh sb="0" eb="2">
      <t>ショクヒン</t>
    </rPh>
    <rPh sb="2" eb="5">
      <t>カガクカ</t>
    </rPh>
    <phoneticPr fontId="3"/>
  </si>
  <si>
    <t>県立中央農業</t>
    <rPh sb="0" eb="2">
      <t>ケンリツ</t>
    </rPh>
    <rPh sb="2" eb="4">
      <t>チュウオウ</t>
    </rPh>
    <rPh sb="4" eb="6">
      <t>ノウギョウ</t>
    </rPh>
    <phoneticPr fontId="3"/>
  </si>
  <si>
    <t>園芸科学科</t>
    <rPh sb="0" eb="2">
      <t>エンゲイ</t>
    </rPh>
    <rPh sb="2" eb="5">
      <t>カガクカ</t>
    </rPh>
    <phoneticPr fontId="3"/>
  </si>
  <si>
    <t>専門学科（工業に関する学科）</t>
    <rPh sb="5" eb="6">
      <t>コウ</t>
    </rPh>
    <rPh sb="6" eb="7">
      <t>ノウギョウ</t>
    </rPh>
    <rPh sb="8" eb="9">
      <t>カン</t>
    </rPh>
    <rPh sb="11" eb="13">
      <t>ガッカ</t>
    </rPh>
    <phoneticPr fontId="3"/>
  </si>
  <si>
    <t>機械科</t>
    <rPh sb="0" eb="3">
      <t>キカイカ</t>
    </rPh>
    <phoneticPr fontId="3"/>
  </si>
  <si>
    <t>建設科</t>
    <rPh sb="0" eb="3">
      <t>ケンセツカ</t>
    </rPh>
    <phoneticPr fontId="3"/>
  </si>
  <si>
    <t>電気科</t>
    <rPh sb="0" eb="3">
      <t>デンキカ</t>
    </rPh>
    <phoneticPr fontId="3"/>
  </si>
  <si>
    <t>デザイン科</t>
    <rPh sb="4" eb="5">
      <t>カ</t>
    </rPh>
    <phoneticPr fontId="3"/>
  </si>
  <si>
    <t>県立商工</t>
    <rPh sb="0" eb="2">
      <t>ケンリツ</t>
    </rPh>
    <rPh sb="2" eb="4">
      <t>ショウコウ</t>
    </rPh>
    <phoneticPr fontId="3"/>
  </si>
  <si>
    <t>総合技術科</t>
    <rPh sb="0" eb="2">
      <t>ソウゴウ</t>
    </rPh>
    <rPh sb="2" eb="5">
      <t>ギジュツカ</t>
    </rPh>
    <phoneticPr fontId="3"/>
  </si>
  <si>
    <t>県立磯子工業</t>
    <rPh sb="0" eb="2">
      <t>ケンリツ</t>
    </rPh>
    <rPh sb="2" eb="4">
      <t>イソゴ</t>
    </rPh>
    <rPh sb="4" eb="6">
      <t>コウギョウ</t>
    </rPh>
    <phoneticPr fontId="3"/>
  </si>
  <si>
    <t>化学科</t>
    <rPh sb="0" eb="3">
      <t>カガクカ</t>
    </rPh>
    <phoneticPr fontId="3"/>
  </si>
  <si>
    <t>県立川崎工科</t>
    <rPh sb="0" eb="2">
      <t>ケンリツ</t>
    </rPh>
    <rPh sb="2" eb="4">
      <t>カワサキ</t>
    </rPh>
    <rPh sb="4" eb="6">
      <t>コウカ</t>
    </rPh>
    <phoneticPr fontId="3"/>
  </si>
  <si>
    <t>県立向の岡工業</t>
    <rPh sb="0" eb="2">
      <t>ケンリツ</t>
    </rPh>
    <rPh sb="2" eb="3">
      <t>ム</t>
    </rPh>
    <rPh sb="4" eb="5">
      <t>オカ</t>
    </rPh>
    <rPh sb="5" eb="7">
      <t>コウギョウ</t>
    </rPh>
    <phoneticPr fontId="3"/>
  </si>
  <si>
    <t>電気科</t>
    <rPh sb="0" eb="2">
      <t>デンキ</t>
    </rPh>
    <rPh sb="2" eb="3">
      <t>カ</t>
    </rPh>
    <phoneticPr fontId="3"/>
  </si>
  <si>
    <t>※　県立磯子工業高等学校機械科の合格者数には、第２希望による合格者が含まれています。</t>
    <rPh sb="4" eb="8">
      <t>イソゴコウギョウ</t>
    </rPh>
    <rPh sb="12" eb="14">
      <t>キカイ</t>
    </rPh>
    <rPh sb="14" eb="15">
      <t>カ</t>
    </rPh>
    <phoneticPr fontId="3"/>
  </si>
  <si>
    <t>県立横須賀工業</t>
    <rPh sb="0" eb="2">
      <t>ケンリツ</t>
    </rPh>
    <rPh sb="2" eb="5">
      <t>ヨコスカ</t>
    </rPh>
    <rPh sb="5" eb="7">
      <t>コウギョウ</t>
    </rPh>
    <phoneticPr fontId="3"/>
  </si>
  <si>
    <t>建設科</t>
    <rPh sb="0" eb="2">
      <t>ケンセツ</t>
    </rPh>
    <rPh sb="2" eb="3">
      <t>カ</t>
    </rPh>
    <phoneticPr fontId="3"/>
  </si>
  <si>
    <t>県立平塚工科</t>
    <rPh sb="0" eb="2">
      <t>ケンリツ</t>
    </rPh>
    <rPh sb="2" eb="4">
      <t>ヒラツカ</t>
    </rPh>
    <rPh sb="4" eb="6">
      <t>コウカ</t>
    </rPh>
    <phoneticPr fontId="3"/>
  </si>
  <si>
    <t>総合技術科</t>
    <rPh sb="0" eb="2">
      <t>ソウゴウ</t>
    </rPh>
    <rPh sb="2" eb="4">
      <t>ギジュツ</t>
    </rPh>
    <rPh sb="4" eb="5">
      <t>カ</t>
    </rPh>
    <phoneticPr fontId="3"/>
  </si>
  <si>
    <t>県立藤沢工科</t>
    <rPh sb="0" eb="2">
      <t>ケンリツ</t>
    </rPh>
    <rPh sb="2" eb="4">
      <t>フジサワ</t>
    </rPh>
    <rPh sb="4" eb="6">
      <t>コウカ</t>
    </rPh>
    <phoneticPr fontId="3"/>
  </si>
  <si>
    <t>県立小田原北</t>
    <rPh sb="0" eb="2">
      <t>ケンリツ</t>
    </rPh>
    <rPh sb="2" eb="5">
      <t>オダワラ</t>
    </rPh>
    <rPh sb="5" eb="6">
      <t>キタ</t>
    </rPh>
    <phoneticPr fontId="3"/>
  </si>
  <si>
    <t>川崎市立川崎総合科学</t>
    <rPh sb="0" eb="2">
      <t>カワサキ</t>
    </rPh>
    <rPh sb="2" eb="4">
      <t>ヨコハマイチリツ</t>
    </rPh>
    <rPh sb="4" eb="6">
      <t>カワサキ</t>
    </rPh>
    <rPh sb="6" eb="8">
      <t>ソウゴウ</t>
    </rPh>
    <rPh sb="8" eb="10">
      <t>カガク</t>
    </rPh>
    <phoneticPr fontId="3"/>
  </si>
  <si>
    <t>情報工学科</t>
    <rPh sb="0" eb="2">
      <t>ジョウホウ</t>
    </rPh>
    <rPh sb="2" eb="5">
      <t>コウガクカ</t>
    </rPh>
    <phoneticPr fontId="3"/>
  </si>
  <si>
    <t>総合電気科</t>
    <rPh sb="0" eb="2">
      <t>ソウゴウ</t>
    </rPh>
    <rPh sb="2" eb="5">
      <t>デンキカ</t>
    </rPh>
    <phoneticPr fontId="3"/>
  </si>
  <si>
    <t>電子機械科</t>
    <rPh sb="0" eb="2">
      <t>デンシ</t>
    </rPh>
    <rPh sb="2" eb="5">
      <t>キカイカ</t>
    </rPh>
    <phoneticPr fontId="3"/>
  </si>
  <si>
    <t>建設工学科</t>
    <rPh sb="0" eb="2">
      <t>ケンセツ</t>
    </rPh>
    <rPh sb="2" eb="5">
      <t>コウガクカ</t>
    </rPh>
    <phoneticPr fontId="3"/>
  </si>
  <si>
    <t>※　川崎市立川崎総合科学高等学校総合電気科の合格者数には、第２希望による合格者が含まれています。</t>
    <rPh sb="16" eb="18">
      <t>ソウゴウ</t>
    </rPh>
    <rPh sb="18" eb="20">
      <t>デンキ</t>
    </rPh>
    <rPh sb="20" eb="21">
      <t>カ</t>
    </rPh>
    <rPh sb="22" eb="26">
      <t>ゴウカクシャスウ</t>
    </rPh>
    <phoneticPr fontId="3"/>
  </si>
  <si>
    <t>専門学科（商業に関する学科）</t>
    <rPh sb="5" eb="6">
      <t>ショウ</t>
    </rPh>
    <rPh sb="6" eb="7">
      <t>ノウギョウ</t>
    </rPh>
    <rPh sb="8" eb="9">
      <t>カン</t>
    </rPh>
    <rPh sb="11" eb="13">
      <t>ガッカ</t>
    </rPh>
    <phoneticPr fontId="3"/>
  </si>
  <si>
    <t>総合ビジネス科</t>
    <rPh sb="0" eb="2">
      <t>ソウゴウ</t>
    </rPh>
    <rPh sb="6" eb="7">
      <t>カ</t>
    </rPh>
    <phoneticPr fontId="3"/>
  </si>
  <si>
    <t>県立小田原東</t>
    <rPh sb="0" eb="2">
      <t>ケンリツ</t>
    </rPh>
    <rPh sb="2" eb="5">
      <t>オダワラ</t>
    </rPh>
    <rPh sb="5" eb="6">
      <t>ヒガシ</t>
    </rPh>
    <phoneticPr fontId="3"/>
  </si>
  <si>
    <t>県立厚木王子</t>
    <rPh sb="0" eb="2">
      <t>ケンリツ</t>
    </rPh>
    <rPh sb="2" eb="4">
      <t>アツギ</t>
    </rPh>
    <rPh sb="4" eb="6">
      <t>オウジ</t>
    </rPh>
    <phoneticPr fontId="3"/>
  </si>
  <si>
    <t>横浜市立横浜商業</t>
    <rPh sb="0" eb="4">
      <t>ヨコハマイチリツ</t>
    </rPh>
    <rPh sb="4" eb="6">
      <t>ヨコハマ</t>
    </rPh>
    <rPh sb="6" eb="8">
      <t>ショウギョウ</t>
    </rPh>
    <phoneticPr fontId="3"/>
  </si>
  <si>
    <t>商業科</t>
    <rPh sb="0" eb="3">
      <t>ショウギョウカ</t>
    </rPh>
    <phoneticPr fontId="3"/>
  </si>
  <si>
    <t>スポーツマネジメント科</t>
    <rPh sb="10" eb="11">
      <t>カ</t>
    </rPh>
    <phoneticPr fontId="3"/>
  </si>
  <si>
    <t>川崎市立幸</t>
    <rPh sb="0" eb="3">
      <t>カワサキシ</t>
    </rPh>
    <rPh sb="3" eb="4">
      <t>ケンリツ</t>
    </rPh>
    <rPh sb="4" eb="5">
      <t>ユキ</t>
    </rPh>
    <phoneticPr fontId="3"/>
  </si>
  <si>
    <t>ビジネス教養科</t>
    <rPh sb="4" eb="6">
      <t>キョウヨウ</t>
    </rPh>
    <rPh sb="6" eb="7">
      <t>カ</t>
    </rPh>
    <phoneticPr fontId="3"/>
  </si>
  <si>
    <t>専門学科（水産に関する学科）</t>
    <rPh sb="5" eb="7">
      <t>スイサン</t>
    </rPh>
    <rPh sb="8" eb="9">
      <t>カン</t>
    </rPh>
    <rPh sb="11" eb="13">
      <t>ガッカ</t>
    </rPh>
    <phoneticPr fontId="3"/>
  </si>
  <si>
    <t>県立海洋科学</t>
    <rPh sb="0" eb="2">
      <t>ケンリツ</t>
    </rPh>
    <rPh sb="2" eb="4">
      <t>カイヨウ</t>
    </rPh>
    <rPh sb="4" eb="6">
      <t>カガク</t>
    </rPh>
    <phoneticPr fontId="7"/>
  </si>
  <si>
    <t>船舶運航科</t>
    <rPh sb="0" eb="2">
      <t>センパク</t>
    </rPh>
    <rPh sb="2" eb="4">
      <t>ウンコウ</t>
    </rPh>
    <rPh sb="4" eb="5">
      <t>カ</t>
    </rPh>
    <phoneticPr fontId="3"/>
  </si>
  <si>
    <t>水産食品科</t>
    <rPh sb="0" eb="2">
      <t>スイサン</t>
    </rPh>
    <rPh sb="2" eb="4">
      <t>ショクヒン</t>
    </rPh>
    <rPh sb="4" eb="5">
      <t>カ</t>
    </rPh>
    <phoneticPr fontId="3"/>
  </si>
  <si>
    <t>無線技術科</t>
    <rPh sb="0" eb="2">
      <t>ムセン</t>
    </rPh>
    <rPh sb="2" eb="4">
      <t>ギジュツ</t>
    </rPh>
    <rPh sb="4" eb="5">
      <t>カ</t>
    </rPh>
    <phoneticPr fontId="3"/>
  </si>
  <si>
    <t>生物環境科</t>
    <rPh sb="0" eb="2">
      <t>セイブツ</t>
    </rPh>
    <rPh sb="2" eb="4">
      <t>カンキョウ</t>
    </rPh>
    <rPh sb="4" eb="5">
      <t>カ</t>
    </rPh>
    <phoneticPr fontId="3"/>
  </si>
  <si>
    <t>※　県立海洋科学高等学校水産食品科及び生物環境科の合格者数には、第２希望による合格者が含まれています。</t>
    <rPh sb="2" eb="4">
      <t>ケンリツ</t>
    </rPh>
    <rPh sb="4" eb="8">
      <t>カイヨウカガク</t>
    </rPh>
    <rPh sb="12" eb="14">
      <t>スイサン</t>
    </rPh>
    <rPh sb="14" eb="16">
      <t>ショクヒン</t>
    </rPh>
    <rPh sb="17" eb="18">
      <t>オヨ</t>
    </rPh>
    <rPh sb="19" eb="21">
      <t>セイブツ</t>
    </rPh>
    <rPh sb="21" eb="23">
      <t>カンキョウ</t>
    </rPh>
    <rPh sb="23" eb="24">
      <t>カ</t>
    </rPh>
    <rPh sb="25" eb="29">
      <t>ゴウカクシャスウ</t>
    </rPh>
    <phoneticPr fontId="3"/>
  </si>
  <si>
    <t>専門学科（家庭に関する学科）</t>
    <rPh sb="5" eb="7">
      <t>カテイ</t>
    </rPh>
    <rPh sb="8" eb="9">
      <t>カン</t>
    </rPh>
    <rPh sb="11" eb="13">
      <t>ガッカ</t>
    </rPh>
    <phoneticPr fontId="3"/>
  </si>
  <si>
    <t>川崎市立川崎</t>
    <rPh sb="0" eb="2">
      <t>カワサキ</t>
    </rPh>
    <rPh sb="2" eb="4">
      <t>イチリツ</t>
    </rPh>
    <rPh sb="4" eb="6">
      <t>カワサキ</t>
    </rPh>
    <phoneticPr fontId="3"/>
  </si>
  <si>
    <t>生活科学科</t>
    <rPh sb="0" eb="2">
      <t>セイカツ</t>
    </rPh>
    <rPh sb="2" eb="3">
      <t>カ</t>
    </rPh>
    <rPh sb="3" eb="5">
      <t>カガクカ</t>
    </rPh>
    <phoneticPr fontId="3"/>
  </si>
  <si>
    <t>専門学科（福祉に関する学科）</t>
    <rPh sb="5" eb="7">
      <t>フクシ</t>
    </rPh>
    <rPh sb="8" eb="9">
      <t>カン</t>
    </rPh>
    <rPh sb="11" eb="13">
      <t>ガッカ</t>
    </rPh>
    <phoneticPr fontId="3"/>
  </si>
  <si>
    <t>県立二俣川</t>
    <rPh sb="0" eb="2">
      <t>ケンリツ</t>
    </rPh>
    <rPh sb="2" eb="5">
      <t>フタマタガワ</t>
    </rPh>
    <phoneticPr fontId="3"/>
  </si>
  <si>
    <t>福祉科</t>
    <rPh sb="0" eb="3">
      <t>フクシカ</t>
    </rPh>
    <phoneticPr fontId="3"/>
  </si>
  <si>
    <t>県立横須賀南</t>
    <rPh sb="0" eb="2">
      <t>ケンリツ</t>
    </rPh>
    <rPh sb="2" eb="5">
      <t>ヨコスカ</t>
    </rPh>
    <rPh sb="5" eb="6">
      <t>ミナミ</t>
    </rPh>
    <phoneticPr fontId="13"/>
  </si>
  <si>
    <t>福祉科</t>
    <rPh sb="0" eb="2">
      <t>フクシ</t>
    </rPh>
    <rPh sb="2" eb="3">
      <t>カ</t>
    </rPh>
    <phoneticPr fontId="13"/>
  </si>
  <si>
    <t>専門学科（理数に関する学科）</t>
    <rPh sb="5" eb="7">
      <t>リスウ</t>
    </rPh>
    <rPh sb="8" eb="9">
      <t>カン</t>
    </rPh>
    <rPh sb="11" eb="13">
      <t>ガッカ</t>
    </rPh>
    <phoneticPr fontId="3"/>
  </si>
  <si>
    <t>川崎市立川崎総合科学</t>
    <rPh sb="0" eb="2">
      <t>カワサキ</t>
    </rPh>
    <rPh sb="2" eb="4">
      <t>イチリツ</t>
    </rPh>
    <rPh sb="4" eb="6">
      <t>カワサキ</t>
    </rPh>
    <rPh sb="6" eb="8">
      <t>ソウゴウ</t>
    </rPh>
    <rPh sb="8" eb="10">
      <t>カガク</t>
    </rPh>
    <phoneticPr fontId="3"/>
  </si>
  <si>
    <t>科学科</t>
    <rPh sb="0" eb="2">
      <t>カガク</t>
    </rPh>
    <rPh sb="2" eb="3">
      <t>カガクカ</t>
    </rPh>
    <phoneticPr fontId="3"/>
  </si>
  <si>
    <t>専門学科（体育に関する学科）</t>
    <rPh sb="5" eb="7">
      <t>タイイク</t>
    </rPh>
    <rPh sb="8" eb="9">
      <t>カン</t>
    </rPh>
    <rPh sb="11" eb="13">
      <t>ガッカ</t>
    </rPh>
    <phoneticPr fontId="3"/>
  </si>
  <si>
    <t>県立厚木北</t>
    <rPh sb="0" eb="2">
      <t>ケンリツ</t>
    </rPh>
    <rPh sb="2" eb="4">
      <t>アツギ</t>
    </rPh>
    <rPh sb="4" eb="5">
      <t>キタ</t>
    </rPh>
    <phoneticPr fontId="3"/>
  </si>
  <si>
    <t>スポーツ科学科</t>
    <rPh sb="4" eb="6">
      <t>カガク</t>
    </rPh>
    <rPh sb="6" eb="7">
      <t>カ</t>
    </rPh>
    <phoneticPr fontId="3"/>
  </si>
  <si>
    <t>川崎市立橘</t>
    <rPh sb="0" eb="2">
      <t>カワサキ</t>
    </rPh>
    <rPh sb="2" eb="4">
      <t>イチリツ</t>
    </rPh>
    <rPh sb="4" eb="5">
      <t>タチバナ</t>
    </rPh>
    <phoneticPr fontId="3"/>
  </si>
  <si>
    <t>スポーツ科</t>
    <rPh sb="4" eb="5">
      <t>カガクカ</t>
    </rPh>
    <phoneticPr fontId="3"/>
  </si>
  <si>
    <t>専門学科（美術に関する学科）</t>
    <rPh sb="5" eb="7">
      <t>ビジュツ</t>
    </rPh>
    <rPh sb="8" eb="9">
      <t>カン</t>
    </rPh>
    <rPh sb="11" eb="13">
      <t>ガッカ</t>
    </rPh>
    <phoneticPr fontId="3"/>
  </si>
  <si>
    <t>県立白山</t>
    <rPh sb="0" eb="2">
      <t>ケンリツ</t>
    </rPh>
    <rPh sb="2" eb="4">
      <t>ハクサン</t>
    </rPh>
    <phoneticPr fontId="3"/>
  </si>
  <si>
    <t>美術科</t>
    <rPh sb="0" eb="2">
      <t>ビジュツ</t>
    </rPh>
    <rPh sb="2" eb="3">
      <t>カ</t>
    </rPh>
    <phoneticPr fontId="3"/>
  </si>
  <si>
    <t>県立上矢部</t>
    <rPh sb="0" eb="2">
      <t>ケンリツ</t>
    </rPh>
    <rPh sb="2" eb="5">
      <t>カミヤベ</t>
    </rPh>
    <phoneticPr fontId="3"/>
  </si>
  <si>
    <t>専門学科（国際に関する学科）</t>
    <rPh sb="5" eb="7">
      <t>コクサイ</t>
    </rPh>
    <rPh sb="8" eb="9">
      <t>カン</t>
    </rPh>
    <rPh sb="11" eb="13">
      <t>ガッカ</t>
    </rPh>
    <phoneticPr fontId="3"/>
  </si>
  <si>
    <t>国際科</t>
    <rPh sb="0" eb="3">
      <t>コクサイカ</t>
    </rPh>
    <phoneticPr fontId="3"/>
  </si>
  <si>
    <t>令和８年度神奈川県公立高等学校入学者選抜一般募集共通選抜等合格状況
（各学校別の合格の状況等）</t>
    <rPh sb="0" eb="2">
      <t>レイワ</t>
    </rPh>
    <rPh sb="3" eb="5">
      <t>ネンド</t>
    </rPh>
    <rPh sb="5" eb="9">
      <t>カナガワケン</t>
    </rPh>
    <rPh sb="9" eb="11">
      <t>コウリツ</t>
    </rPh>
    <rPh sb="11" eb="13">
      <t>コウトウ</t>
    </rPh>
    <rPh sb="13" eb="15">
      <t>ガッコウ</t>
    </rPh>
    <rPh sb="15" eb="18">
      <t>ニュウガクシャ</t>
    </rPh>
    <rPh sb="18" eb="20">
      <t>センバツ</t>
    </rPh>
    <phoneticPr fontId="3"/>
  </si>
  <si>
    <t>１　一般募集共通選抜合格状況　（全日制の課程）</t>
    <rPh sb="2" eb="4">
      <t>イッパン</t>
    </rPh>
    <rPh sb="4" eb="6">
      <t>ボシュウ</t>
    </rPh>
    <rPh sb="6" eb="8">
      <t>キョウツウ</t>
    </rPh>
    <rPh sb="8" eb="10">
      <t>センバツ</t>
    </rPh>
    <rPh sb="10" eb="12">
      <t>ゴウカク</t>
    </rPh>
    <rPh sb="12" eb="14">
      <t>ジョウキョウ</t>
    </rPh>
    <rPh sb="16" eb="19">
      <t>ゼンニチセイ</t>
    </rPh>
    <rPh sb="20" eb="22">
      <t>カテイ</t>
    </rPh>
    <phoneticPr fontId="3"/>
  </si>
  <si>
    <t>普通科　（クリエイティブスクールを除く。）</t>
    <rPh sb="17" eb="18">
      <t>ノゾ</t>
    </rPh>
    <phoneticPr fontId="3"/>
  </si>
  <si>
    <t>地</t>
    <rPh sb="0" eb="1">
      <t>チ</t>
    </rPh>
    <phoneticPr fontId="3"/>
  </si>
  <si>
    <t>区</t>
    <rPh sb="0" eb="1">
      <t>ク</t>
    </rPh>
    <phoneticPr fontId="3"/>
  </si>
  <si>
    <t>横浜北</t>
    <rPh sb="0" eb="2">
      <t>ヨコハマ</t>
    </rPh>
    <rPh sb="2" eb="3">
      <t>キタ</t>
    </rPh>
    <phoneticPr fontId="3"/>
  </si>
  <si>
    <t>県立鶴見</t>
    <rPh sb="0" eb="2">
      <t>ケンリツ</t>
    </rPh>
    <rPh sb="2" eb="4">
      <t>ツルミ</t>
    </rPh>
    <phoneticPr fontId="3"/>
  </si>
  <si>
    <t>県立横浜翠嵐</t>
    <rPh sb="0" eb="2">
      <t>ケンリツ</t>
    </rPh>
    <rPh sb="2" eb="4">
      <t>ヨコハマ</t>
    </rPh>
    <rPh sb="4" eb="5">
      <t>スイ</t>
    </rPh>
    <rPh sb="5" eb="6">
      <t>ラン</t>
    </rPh>
    <phoneticPr fontId="3"/>
  </si>
  <si>
    <t>県立城郷</t>
    <rPh sb="0" eb="2">
      <t>ケンリツ</t>
    </rPh>
    <rPh sb="2" eb="3">
      <t>シロ</t>
    </rPh>
    <rPh sb="3" eb="4">
      <t>サト</t>
    </rPh>
    <phoneticPr fontId="3"/>
  </si>
  <si>
    <t>県立港北</t>
    <rPh sb="0" eb="2">
      <t>ケンリツ</t>
    </rPh>
    <rPh sb="2" eb="4">
      <t>コウホク</t>
    </rPh>
    <phoneticPr fontId="3"/>
  </si>
  <si>
    <t>県立新羽</t>
    <rPh sb="0" eb="2">
      <t>ケンリツ</t>
    </rPh>
    <rPh sb="2" eb="4">
      <t>ニッパ</t>
    </rPh>
    <phoneticPr fontId="3"/>
  </si>
  <si>
    <t>県立岸根</t>
    <rPh sb="0" eb="2">
      <t>ケンリツ</t>
    </rPh>
    <rPh sb="2" eb="4">
      <t>キシネ</t>
    </rPh>
    <phoneticPr fontId="3"/>
  </si>
  <si>
    <t>県立霧が丘</t>
    <rPh sb="0" eb="2">
      <t>ケンリツ</t>
    </rPh>
    <rPh sb="2" eb="3">
      <t>キリ</t>
    </rPh>
    <rPh sb="4" eb="5">
      <t>オカ</t>
    </rPh>
    <phoneticPr fontId="3"/>
  </si>
  <si>
    <t>県立市ケ尾</t>
    <rPh sb="0" eb="2">
      <t>ケンリツ</t>
    </rPh>
    <rPh sb="2" eb="3">
      <t>シ</t>
    </rPh>
    <rPh sb="4" eb="5">
      <t>オ</t>
    </rPh>
    <phoneticPr fontId="3"/>
  </si>
  <si>
    <t>県立元石川</t>
    <rPh sb="0" eb="2">
      <t>ケンリツ</t>
    </rPh>
    <rPh sb="2" eb="3">
      <t>モト</t>
    </rPh>
    <rPh sb="3" eb="5">
      <t>イシカワ</t>
    </rPh>
    <phoneticPr fontId="3"/>
  </si>
  <si>
    <t>県立川和</t>
    <rPh sb="0" eb="2">
      <t>ケンリツ</t>
    </rPh>
    <rPh sb="2" eb="4">
      <t>カワワ</t>
    </rPh>
    <phoneticPr fontId="3"/>
  </si>
  <si>
    <t>県立荏田</t>
    <rPh sb="0" eb="2">
      <t>ケンリツ</t>
    </rPh>
    <rPh sb="2" eb="4">
      <t>エダ</t>
    </rPh>
    <phoneticPr fontId="3"/>
  </si>
  <si>
    <t>県立新栄</t>
    <rPh sb="0" eb="2">
      <t>ケンリツ</t>
    </rPh>
    <rPh sb="2" eb="4">
      <t>シンエイ</t>
    </rPh>
    <phoneticPr fontId="3"/>
  </si>
  <si>
    <t>横浜中</t>
    <rPh sb="0" eb="2">
      <t>ヨコハマ</t>
    </rPh>
    <rPh sb="2" eb="3">
      <t>ナカ</t>
    </rPh>
    <phoneticPr fontId="3"/>
  </si>
  <si>
    <t>県立旭</t>
    <rPh sb="0" eb="2">
      <t>ケンリツ</t>
    </rPh>
    <rPh sb="2" eb="3">
      <t>アサヒ</t>
    </rPh>
    <phoneticPr fontId="3"/>
  </si>
  <si>
    <t>県立松陽</t>
    <rPh sb="0" eb="2">
      <t>ケンリツ</t>
    </rPh>
    <rPh sb="2" eb="4">
      <t>ショウヨウ</t>
    </rPh>
    <phoneticPr fontId="3"/>
  </si>
  <si>
    <t>県立横浜瀬谷</t>
    <rPh sb="0" eb="2">
      <t>ケンリツ</t>
    </rPh>
    <rPh sb="2" eb="4">
      <t>ヨコハマ</t>
    </rPh>
    <rPh sb="4" eb="6">
      <t>セヤ</t>
    </rPh>
    <phoneticPr fontId="3"/>
  </si>
  <si>
    <t>県立横浜平沼</t>
    <rPh sb="0" eb="2">
      <t>ケンリツ</t>
    </rPh>
    <rPh sb="2" eb="4">
      <t>ヨコハマ</t>
    </rPh>
    <rPh sb="4" eb="6">
      <t>ヒラヌマ</t>
    </rPh>
    <phoneticPr fontId="3"/>
  </si>
  <si>
    <t>県立保土ケ谷</t>
    <rPh sb="0" eb="2">
      <t>ケンリツ</t>
    </rPh>
    <rPh sb="2" eb="6">
      <t>ホドガヤ</t>
    </rPh>
    <phoneticPr fontId="3"/>
  </si>
  <si>
    <t>県立舞岡</t>
    <rPh sb="0" eb="2">
      <t>ケンリツ</t>
    </rPh>
    <rPh sb="2" eb="4">
      <t>マイオカ</t>
    </rPh>
    <phoneticPr fontId="3"/>
  </si>
  <si>
    <t>県立金井</t>
    <rPh sb="0" eb="2">
      <t>ケンリツ</t>
    </rPh>
    <rPh sb="2" eb="4">
      <t>カナイ</t>
    </rPh>
    <phoneticPr fontId="3"/>
  </si>
  <si>
    <t>横浜南</t>
    <rPh sb="0" eb="2">
      <t>ヨコハマ</t>
    </rPh>
    <rPh sb="2" eb="3">
      <t>ミナミ</t>
    </rPh>
    <phoneticPr fontId="3"/>
  </si>
  <si>
    <t>県立横浜南陵</t>
    <rPh sb="0" eb="2">
      <t>ケンリツ</t>
    </rPh>
    <rPh sb="2" eb="4">
      <t>ヨコハマ</t>
    </rPh>
    <rPh sb="4" eb="6">
      <t>ナンリョウ</t>
    </rPh>
    <phoneticPr fontId="3"/>
  </si>
  <si>
    <t>県立柏陽</t>
    <rPh sb="0" eb="2">
      <t>ケンリツ</t>
    </rPh>
    <rPh sb="2" eb="4">
      <t>ハクヨウ</t>
    </rPh>
    <phoneticPr fontId="3"/>
  </si>
  <si>
    <t>県立横浜緑ケ丘</t>
    <rPh sb="0" eb="2">
      <t>ケンリツ</t>
    </rPh>
    <rPh sb="2" eb="4">
      <t>ヨコハマ</t>
    </rPh>
    <rPh sb="4" eb="7">
      <t>ミドリガオカ</t>
    </rPh>
    <phoneticPr fontId="3"/>
  </si>
  <si>
    <t>県立横浜立野</t>
    <rPh sb="0" eb="2">
      <t>ケンリツ</t>
    </rPh>
    <rPh sb="2" eb="4">
      <t>ヨコハマ</t>
    </rPh>
    <rPh sb="4" eb="6">
      <t>タテノ</t>
    </rPh>
    <phoneticPr fontId="3"/>
  </si>
  <si>
    <t>県立横浜氷取沢</t>
    <rPh sb="0" eb="2">
      <t>ケンリツ</t>
    </rPh>
    <rPh sb="2" eb="4">
      <t>ヨコハマ</t>
    </rPh>
    <rPh sb="4" eb="7">
      <t>ヒトリザワ</t>
    </rPh>
    <phoneticPr fontId="3"/>
  </si>
  <si>
    <t>川　　　崎</t>
    <rPh sb="0" eb="1">
      <t>カワ</t>
    </rPh>
    <rPh sb="4" eb="5">
      <t>ザキ</t>
    </rPh>
    <phoneticPr fontId="3"/>
  </si>
  <si>
    <t>県立住吉</t>
    <rPh sb="0" eb="2">
      <t>ケンリツ</t>
    </rPh>
    <rPh sb="2" eb="4">
      <t>スミヨシ</t>
    </rPh>
    <phoneticPr fontId="3"/>
  </si>
  <si>
    <t>県立川崎北</t>
    <rPh sb="0" eb="2">
      <t>ケンリツ</t>
    </rPh>
    <rPh sb="2" eb="4">
      <t>カワサキ</t>
    </rPh>
    <rPh sb="4" eb="5">
      <t>キタ</t>
    </rPh>
    <phoneticPr fontId="3"/>
  </si>
  <si>
    <t>県立多摩</t>
    <rPh sb="0" eb="2">
      <t>ケンリツ</t>
    </rPh>
    <rPh sb="2" eb="4">
      <t>タマ</t>
    </rPh>
    <phoneticPr fontId="3"/>
  </si>
  <si>
    <t>県立生田</t>
    <rPh sb="0" eb="2">
      <t>ケンリツ</t>
    </rPh>
    <rPh sb="2" eb="4">
      <t>イクタ</t>
    </rPh>
    <phoneticPr fontId="3"/>
  </si>
  <si>
    <t>県立百合丘</t>
    <rPh sb="0" eb="2">
      <t>ケンリツ</t>
    </rPh>
    <rPh sb="2" eb="4">
      <t>ユリ</t>
    </rPh>
    <rPh sb="4" eb="5">
      <t>オカ</t>
    </rPh>
    <phoneticPr fontId="3"/>
  </si>
  <si>
    <t>県立生田東</t>
    <rPh sb="0" eb="2">
      <t>ケンリツ</t>
    </rPh>
    <rPh sb="2" eb="4">
      <t>イクタ</t>
    </rPh>
    <rPh sb="4" eb="5">
      <t>ヒガシ</t>
    </rPh>
    <phoneticPr fontId="3"/>
  </si>
  <si>
    <t>県立菅</t>
    <rPh sb="0" eb="2">
      <t>ケンリツ</t>
    </rPh>
    <rPh sb="2" eb="3">
      <t>スゲ</t>
    </rPh>
    <phoneticPr fontId="3"/>
  </si>
  <si>
    <t>県立麻生</t>
    <rPh sb="0" eb="2">
      <t>ケンリツ</t>
    </rPh>
    <rPh sb="2" eb="4">
      <t>アサオ</t>
    </rPh>
    <phoneticPr fontId="3"/>
  </si>
  <si>
    <t>横須賀・三浦</t>
    <rPh sb="0" eb="3">
      <t>ヨコスカ</t>
    </rPh>
    <rPh sb="4" eb="6">
      <t>ミウラ</t>
    </rPh>
    <phoneticPr fontId="3"/>
  </si>
  <si>
    <t>県立横須賀大津</t>
    <rPh sb="0" eb="2">
      <t>ケンリツ</t>
    </rPh>
    <rPh sb="2" eb="5">
      <t>ヨコスカ</t>
    </rPh>
    <rPh sb="5" eb="7">
      <t>オオツ</t>
    </rPh>
    <phoneticPr fontId="3"/>
  </si>
  <si>
    <t>県立津久井浜</t>
    <rPh sb="0" eb="2">
      <t>ケンリツ</t>
    </rPh>
    <rPh sb="2" eb="6">
      <t>ツクイハマ</t>
    </rPh>
    <phoneticPr fontId="3"/>
  </si>
  <si>
    <t>県立逗子葉山</t>
    <rPh sb="0" eb="2">
      <t>ケンリツ</t>
    </rPh>
    <rPh sb="2" eb="4">
      <t>ズシ</t>
    </rPh>
    <rPh sb="4" eb="6">
      <t>ハヤマ</t>
    </rPh>
    <phoneticPr fontId="20"/>
  </si>
  <si>
    <t>鎌倉・藤沢・茅ヶ崎</t>
    <rPh sb="0" eb="2">
      <t>カマクラ</t>
    </rPh>
    <rPh sb="3" eb="5">
      <t>フジサワ</t>
    </rPh>
    <rPh sb="6" eb="9">
      <t>チガサキ</t>
    </rPh>
    <phoneticPr fontId="3"/>
  </si>
  <si>
    <t>県立鎌倉</t>
    <rPh sb="0" eb="2">
      <t>ケンリツ</t>
    </rPh>
    <rPh sb="2" eb="4">
      <t>カマクラ</t>
    </rPh>
    <phoneticPr fontId="3"/>
  </si>
  <si>
    <t>県立七里ガ浜</t>
    <rPh sb="0" eb="2">
      <t>ケンリツ</t>
    </rPh>
    <rPh sb="2" eb="6">
      <t>シチリガハマ</t>
    </rPh>
    <phoneticPr fontId="3"/>
  </si>
  <si>
    <t>県立大船</t>
    <rPh sb="0" eb="2">
      <t>ケンリツ</t>
    </rPh>
    <rPh sb="2" eb="4">
      <t>オオフナ</t>
    </rPh>
    <phoneticPr fontId="3"/>
  </si>
  <si>
    <t>県立湘南</t>
    <rPh sb="0" eb="2">
      <t>ケンリツ</t>
    </rPh>
    <rPh sb="2" eb="4">
      <t>ショウナン</t>
    </rPh>
    <phoneticPr fontId="3"/>
  </si>
  <si>
    <t>県立藤沢西</t>
    <rPh sb="0" eb="2">
      <t>ケンリツ</t>
    </rPh>
    <rPh sb="2" eb="4">
      <t>フジサワ</t>
    </rPh>
    <rPh sb="4" eb="5">
      <t>ニシ</t>
    </rPh>
    <phoneticPr fontId="3"/>
  </si>
  <si>
    <t>県立湘南台</t>
    <rPh sb="0" eb="2">
      <t>ケンリツ</t>
    </rPh>
    <rPh sb="2" eb="5">
      <t>ショウナンダイ</t>
    </rPh>
    <phoneticPr fontId="3"/>
  </si>
  <si>
    <t>県立茅ケ崎</t>
    <rPh sb="0" eb="2">
      <t>ケンリツ</t>
    </rPh>
    <rPh sb="2" eb="5">
      <t>チガサキ</t>
    </rPh>
    <phoneticPr fontId="3"/>
  </si>
  <si>
    <t>県立茅ケ崎北陵</t>
    <rPh sb="0" eb="2">
      <t>ケンリツ</t>
    </rPh>
    <rPh sb="2" eb="5">
      <t>チガサキ</t>
    </rPh>
    <rPh sb="5" eb="6">
      <t>ホク</t>
    </rPh>
    <rPh sb="6" eb="7">
      <t>リョウ</t>
    </rPh>
    <phoneticPr fontId="3"/>
  </si>
  <si>
    <t>県立鶴嶺</t>
    <rPh sb="0" eb="2">
      <t>ケンリツ</t>
    </rPh>
    <rPh sb="2" eb="4">
      <t>ツルミネ</t>
    </rPh>
    <phoneticPr fontId="3"/>
  </si>
  <si>
    <t>県立茅ケ崎西浜</t>
    <rPh sb="0" eb="2">
      <t>ケンリツ</t>
    </rPh>
    <rPh sb="2" eb="5">
      <t>チガサキ</t>
    </rPh>
    <rPh sb="5" eb="7">
      <t>ニシハマ</t>
    </rPh>
    <phoneticPr fontId="3"/>
  </si>
  <si>
    <t>県立寒川</t>
    <rPh sb="0" eb="2">
      <t>ケンリツ</t>
    </rPh>
    <rPh sb="2" eb="4">
      <t>サムカワ</t>
    </rPh>
    <phoneticPr fontId="3"/>
  </si>
  <si>
    <t>平塚・秦野・伊勢原</t>
    <rPh sb="0" eb="2">
      <t>ヒラツカ</t>
    </rPh>
    <rPh sb="3" eb="5">
      <t>ハダノ</t>
    </rPh>
    <rPh sb="6" eb="9">
      <t>イセハラ</t>
    </rPh>
    <phoneticPr fontId="3"/>
  </si>
  <si>
    <t>県立平塚江南</t>
    <rPh sb="0" eb="2">
      <t>ケンリツ</t>
    </rPh>
    <rPh sb="2" eb="4">
      <t>ヒラツカ</t>
    </rPh>
    <rPh sb="4" eb="6">
      <t>コウナン</t>
    </rPh>
    <phoneticPr fontId="3"/>
  </si>
  <si>
    <t>県立高浜</t>
    <rPh sb="0" eb="2">
      <t>ケンリツ</t>
    </rPh>
    <rPh sb="2" eb="4">
      <t>タカハマ</t>
    </rPh>
    <phoneticPr fontId="3"/>
  </si>
  <si>
    <t>県立大磯</t>
    <rPh sb="0" eb="2">
      <t>ケンリツ</t>
    </rPh>
    <rPh sb="2" eb="4">
      <t>オオイソ</t>
    </rPh>
    <phoneticPr fontId="3"/>
  </si>
  <si>
    <t>県立二宮</t>
    <rPh sb="0" eb="2">
      <t>ケンリツ</t>
    </rPh>
    <rPh sb="2" eb="4">
      <t>ニノミヤ</t>
    </rPh>
    <phoneticPr fontId="3"/>
  </si>
  <si>
    <t>県立秦野</t>
    <rPh sb="0" eb="2">
      <t>ケンリツ</t>
    </rPh>
    <rPh sb="2" eb="4">
      <t>ハダノ</t>
    </rPh>
    <phoneticPr fontId="3"/>
  </si>
  <si>
    <t>県立秦野曽屋</t>
    <rPh sb="0" eb="2">
      <t>ケンリツ</t>
    </rPh>
    <rPh sb="2" eb="4">
      <t>ハダノ</t>
    </rPh>
    <rPh sb="4" eb="5">
      <t>ソ</t>
    </rPh>
    <rPh sb="5" eb="6">
      <t>ヤ</t>
    </rPh>
    <phoneticPr fontId="3"/>
  </si>
  <si>
    <t>県立伊勢原</t>
    <rPh sb="0" eb="2">
      <t>ケンリツ</t>
    </rPh>
    <rPh sb="2" eb="5">
      <t>イセハラ</t>
    </rPh>
    <phoneticPr fontId="3"/>
  </si>
  <si>
    <t>県立伊志田</t>
    <rPh sb="0" eb="2">
      <t>ケンリツ</t>
    </rPh>
    <rPh sb="2" eb="3">
      <t>イ</t>
    </rPh>
    <rPh sb="3" eb="4">
      <t>シ</t>
    </rPh>
    <rPh sb="4" eb="5">
      <t>ダ</t>
    </rPh>
    <phoneticPr fontId="3"/>
  </si>
  <si>
    <t>県　西</t>
    <rPh sb="0" eb="1">
      <t>ケン</t>
    </rPh>
    <rPh sb="2" eb="3">
      <t>ニシ</t>
    </rPh>
    <phoneticPr fontId="3"/>
  </si>
  <si>
    <t>県立西湘</t>
    <rPh sb="0" eb="2">
      <t>ケンリツ</t>
    </rPh>
    <rPh sb="2" eb="4">
      <t>セイショウ</t>
    </rPh>
    <phoneticPr fontId="3"/>
  </si>
  <si>
    <t>県立足柄</t>
    <rPh sb="0" eb="2">
      <t>ケンリツ</t>
    </rPh>
    <rPh sb="2" eb="4">
      <t>アシガラ</t>
    </rPh>
    <phoneticPr fontId="3"/>
  </si>
  <si>
    <t>県立山北</t>
    <rPh sb="0" eb="2">
      <t>ケンリツ</t>
    </rPh>
    <rPh sb="2" eb="4">
      <t>ヤマキタ</t>
    </rPh>
    <phoneticPr fontId="3"/>
  </si>
  <si>
    <t>県　　　　央</t>
    <rPh sb="0" eb="1">
      <t>ケン</t>
    </rPh>
    <rPh sb="5" eb="6">
      <t>オウ</t>
    </rPh>
    <phoneticPr fontId="3"/>
  </si>
  <si>
    <t>県立厚木</t>
    <rPh sb="0" eb="2">
      <t>ケンリツ</t>
    </rPh>
    <rPh sb="2" eb="4">
      <t>アツギ</t>
    </rPh>
    <phoneticPr fontId="3"/>
  </si>
  <si>
    <t>県立厚木西</t>
    <rPh sb="0" eb="2">
      <t>ケンリツ</t>
    </rPh>
    <rPh sb="2" eb="4">
      <t>アツギ</t>
    </rPh>
    <rPh sb="4" eb="5">
      <t>ニシ</t>
    </rPh>
    <phoneticPr fontId="3"/>
  </si>
  <si>
    <t>県立海老名</t>
    <rPh sb="0" eb="2">
      <t>ケンリツ</t>
    </rPh>
    <rPh sb="2" eb="5">
      <t>エビナ</t>
    </rPh>
    <phoneticPr fontId="3"/>
  </si>
  <si>
    <t>県立有馬</t>
    <rPh sb="0" eb="2">
      <t>ケンリツ</t>
    </rPh>
    <rPh sb="2" eb="4">
      <t>アリマ</t>
    </rPh>
    <phoneticPr fontId="3"/>
  </si>
  <si>
    <t>県立愛川</t>
    <rPh sb="0" eb="2">
      <t>ケンリツ</t>
    </rPh>
    <rPh sb="2" eb="3">
      <t>アイコウ</t>
    </rPh>
    <rPh sb="3" eb="4">
      <t>カワ</t>
    </rPh>
    <phoneticPr fontId="3"/>
  </si>
  <si>
    <t>県立大和</t>
    <rPh sb="0" eb="2">
      <t>ケンリツ</t>
    </rPh>
    <rPh sb="2" eb="4">
      <t>ヤマト</t>
    </rPh>
    <phoneticPr fontId="3"/>
  </si>
  <si>
    <t>県立大和南</t>
    <rPh sb="0" eb="2">
      <t>ケンリツ</t>
    </rPh>
    <rPh sb="2" eb="4">
      <t>ヤマト</t>
    </rPh>
    <rPh sb="4" eb="5">
      <t>ミナミ</t>
    </rPh>
    <phoneticPr fontId="3"/>
  </si>
  <si>
    <t>県立大和西</t>
    <rPh sb="0" eb="2">
      <t>ケンリツ</t>
    </rPh>
    <rPh sb="2" eb="4">
      <t>ヤマト</t>
    </rPh>
    <rPh sb="4" eb="5">
      <t>ニシ</t>
    </rPh>
    <phoneticPr fontId="3"/>
  </si>
  <si>
    <t>県立座間</t>
    <rPh sb="0" eb="2">
      <t>ケンリツ</t>
    </rPh>
    <rPh sb="2" eb="4">
      <t>ザマ</t>
    </rPh>
    <phoneticPr fontId="3"/>
  </si>
  <si>
    <t>県立綾瀬</t>
    <rPh sb="0" eb="2">
      <t>ケンリツ</t>
    </rPh>
    <rPh sb="2" eb="4">
      <t>アヤセ</t>
    </rPh>
    <phoneticPr fontId="3"/>
  </si>
  <si>
    <t>県立綾瀬西</t>
    <rPh sb="0" eb="2">
      <t>ケンリツ</t>
    </rPh>
    <rPh sb="2" eb="4">
      <t>アヤセ</t>
    </rPh>
    <rPh sb="4" eb="5">
      <t>ニシ</t>
    </rPh>
    <phoneticPr fontId="3"/>
  </si>
  <si>
    <t>相　模　原</t>
    <rPh sb="0" eb="1">
      <t>ソウ</t>
    </rPh>
    <rPh sb="2" eb="3">
      <t>モ</t>
    </rPh>
    <rPh sb="4" eb="5">
      <t>ハラ</t>
    </rPh>
    <phoneticPr fontId="3"/>
  </si>
  <si>
    <t>県立麻溝台</t>
    <rPh sb="0" eb="2">
      <t>ケンリツ</t>
    </rPh>
    <rPh sb="2" eb="5">
      <t>アサミゾダイ</t>
    </rPh>
    <phoneticPr fontId="3"/>
  </si>
  <si>
    <t>県立上鶴間</t>
    <rPh sb="0" eb="2">
      <t>ケンリツ</t>
    </rPh>
    <rPh sb="2" eb="5">
      <t>カミツルマ</t>
    </rPh>
    <phoneticPr fontId="3"/>
  </si>
  <si>
    <t>県立上溝</t>
    <rPh sb="0" eb="2">
      <t>ケンリツ</t>
    </rPh>
    <rPh sb="2" eb="4">
      <t>カミミゾ</t>
    </rPh>
    <phoneticPr fontId="3"/>
  </si>
  <si>
    <t>県立相模原</t>
    <rPh sb="0" eb="2">
      <t>ケンリツ</t>
    </rPh>
    <rPh sb="2" eb="5">
      <t>サガミハラ</t>
    </rPh>
    <phoneticPr fontId="3"/>
  </si>
  <si>
    <t>県立上溝南</t>
    <rPh sb="0" eb="2">
      <t>ケンリツ</t>
    </rPh>
    <rPh sb="2" eb="4">
      <t>カミミゾ</t>
    </rPh>
    <rPh sb="4" eb="5">
      <t>ミナミ</t>
    </rPh>
    <phoneticPr fontId="3"/>
  </si>
  <si>
    <t>県立橋本</t>
    <rPh sb="0" eb="2">
      <t>ケンリツ</t>
    </rPh>
    <rPh sb="2" eb="4">
      <t>ハシモト</t>
    </rPh>
    <phoneticPr fontId="3"/>
  </si>
  <si>
    <t>県立相模田名</t>
    <rPh sb="0" eb="2">
      <t>ケンリツ</t>
    </rPh>
    <rPh sb="2" eb="4">
      <t>サガミ</t>
    </rPh>
    <rPh sb="4" eb="6">
      <t>タナ</t>
    </rPh>
    <phoneticPr fontId="3"/>
  </si>
  <si>
    <t>県　立　計</t>
    <phoneticPr fontId="3"/>
  </si>
  <si>
    <t>区</t>
    <phoneticPr fontId="3"/>
  </si>
  <si>
    <t>横</t>
    <rPh sb="0" eb="1">
      <t>ヨコ</t>
    </rPh>
    <phoneticPr fontId="3"/>
  </si>
  <si>
    <t>横浜市立桜丘</t>
    <rPh sb="0" eb="4">
      <t>ヨコハマシリツ</t>
    </rPh>
    <rPh sb="4" eb="6">
      <t>サクラガオカ</t>
    </rPh>
    <phoneticPr fontId="3"/>
  </si>
  <si>
    <t>市</t>
    <phoneticPr fontId="3"/>
  </si>
  <si>
    <t>横浜市立金沢</t>
    <rPh sb="0" eb="2">
      <t>ヨコハマ</t>
    </rPh>
    <rPh sb="2" eb="4">
      <t>イチリツ</t>
    </rPh>
    <rPh sb="4" eb="6">
      <t>カナザワ</t>
    </rPh>
    <phoneticPr fontId="3"/>
  </si>
  <si>
    <t>立</t>
    <phoneticPr fontId="3"/>
  </si>
  <si>
    <t>小　　計</t>
    <rPh sb="0" eb="1">
      <t>ショウ</t>
    </rPh>
    <rPh sb="3" eb="4">
      <t>ケイ</t>
    </rPh>
    <phoneticPr fontId="3"/>
  </si>
  <si>
    <t>川崎市立</t>
    <rPh sb="0" eb="2">
      <t>カワサキ</t>
    </rPh>
    <rPh sb="2" eb="4">
      <t>イチリツ</t>
    </rPh>
    <phoneticPr fontId="3"/>
  </si>
  <si>
    <t>川崎市立橘</t>
    <rPh sb="0" eb="2">
      <t>カワサキ</t>
    </rPh>
    <rPh sb="2" eb="4">
      <t>シリツ</t>
    </rPh>
    <rPh sb="4" eb="5">
      <t>タチバナ</t>
    </rPh>
    <phoneticPr fontId="3"/>
  </si>
  <si>
    <t>川崎市立高津</t>
    <rPh sb="0" eb="2">
      <t>カワサキ</t>
    </rPh>
    <rPh sb="2" eb="4">
      <t>シリツ</t>
    </rPh>
    <rPh sb="4" eb="6">
      <t>タカツ</t>
    </rPh>
    <phoneticPr fontId="3"/>
  </si>
  <si>
    <t>川崎市立幸</t>
    <rPh sb="0" eb="2">
      <t>カワサキ</t>
    </rPh>
    <rPh sb="2" eb="4">
      <t>シリツ</t>
    </rPh>
    <rPh sb="4" eb="5">
      <t>ユキ</t>
    </rPh>
    <phoneticPr fontId="3"/>
  </si>
  <si>
    <t>市　立　計</t>
    <rPh sb="0" eb="1">
      <t>シ</t>
    </rPh>
    <phoneticPr fontId="3"/>
  </si>
  <si>
    <t>普通科　クリエイティブスクール</t>
    <rPh sb="0" eb="3">
      <t>フツウカ</t>
    </rPh>
    <phoneticPr fontId="3"/>
  </si>
  <si>
    <t xml:space="preserve"> 県立釜利谷</t>
    <rPh sb="1" eb="3">
      <t>ケンリツ</t>
    </rPh>
    <rPh sb="3" eb="6">
      <t>カマリヤ</t>
    </rPh>
    <phoneticPr fontId="3"/>
  </si>
  <si>
    <t xml:space="preserve"> 県立横須賀南</t>
    <rPh sb="1" eb="3">
      <t>ケンリツ</t>
    </rPh>
    <rPh sb="3" eb="6">
      <t>ヨコスカ</t>
    </rPh>
    <rPh sb="6" eb="7">
      <t>ミナミ</t>
    </rPh>
    <phoneticPr fontId="3"/>
  </si>
  <si>
    <t xml:space="preserve"> 県立小田原北</t>
    <rPh sb="1" eb="3">
      <t>ケンリツ</t>
    </rPh>
    <rPh sb="3" eb="6">
      <t>オダワラ</t>
    </rPh>
    <rPh sb="6" eb="7">
      <t>キタ</t>
    </rPh>
    <phoneticPr fontId="3"/>
  </si>
  <si>
    <t xml:space="preserve"> 県立大和東</t>
    <rPh sb="1" eb="3">
      <t>ケンリツ</t>
    </rPh>
    <rPh sb="3" eb="5">
      <t>ヤマト</t>
    </rPh>
    <rPh sb="5" eb="6">
      <t>ヒガシ</t>
    </rPh>
    <phoneticPr fontId="3"/>
  </si>
  <si>
    <t>※　普通科クリエイティブスクールの受検者数２月17日(A)は、２月19日までの特色検査（面接）の受検者数です。</t>
    <rPh sb="39" eb="41">
      <t>トクショク</t>
    </rPh>
    <rPh sb="41" eb="43">
      <t>ケンサ</t>
    </rPh>
    <rPh sb="44" eb="46">
      <t>メンセツ</t>
    </rPh>
    <rPh sb="48" eb="50">
      <t>ジュケン</t>
    </rPh>
    <rPh sb="50" eb="51">
      <t>シャ</t>
    </rPh>
    <rPh sb="51" eb="52">
      <t>ス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0">
    <numFmt numFmtId="6" formatCode="&quot;¥&quot;#,##0;[Red]&quot;¥&quot;\-#,##0"/>
    <numFmt numFmtId="176" formatCode="#,##0_);[Red]\(#,##0\)"/>
    <numFmt numFmtId="177" formatCode="#,##0.00_ "/>
    <numFmt numFmtId="178" formatCode="0_ ;[Red]\-0\ "/>
    <numFmt numFmtId="179" formatCode="0.00_ "/>
    <numFmt numFmtId="180" formatCode="0_);[Red]\(0\)"/>
    <numFmt numFmtId="181" formatCode="0_ "/>
    <numFmt numFmtId="182" formatCode="#,##0_ "/>
    <numFmt numFmtId="183" formatCode="#,##0_ ;[Red]\-#,##0\ "/>
    <numFmt numFmtId="184" formatCode="0.00_);[Red]\(0.00\)"/>
  </numFmts>
  <fonts count="21" x14ac:knownFonts="1">
    <font>
      <sz val="11"/>
      <name val="ＭＳ 明朝"/>
      <family val="1"/>
      <charset val="128"/>
    </font>
    <font>
      <sz val="11"/>
      <name val="ＭＳ 明朝"/>
      <family val="1"/>
      <charset val="128"/>
    </font>
    <font>
      <sz val="12"/>
      <name val="ＭＳ Ｐ明朝"/>
      <family val="1"/>
      <charset val="128"/>
    </font>
    <font>
      <sz val="6"/>
      <name val="ＭＳ 明朝"/>
      <family val="1"/>
      <charset val="128"/>
    </font>
    <font>
      <sz val="11"/>
      <name val="ＭＳ Ｐ明朝"/>
      <family val="1"/>
      <charset val="128"/>
    </font>
    <font>
      <b/>
      <sz val="14"/>
      <name val="ＭＳ Ｐ明朝"/>
      <family val="1"/>
      <charset val="128"/>
    </font>
    <font>
      <sz val="11"/>
      <name val="ＭＳ Ｐゴシック"/>
      <family val="3"/>
      <charset val="128"/>
    </font>
    <font>
      <sz val="6"/>
      <name val="ＭＳ Ｐ明朝"/>
      <family val="1"/>
      <charset val="128"/>
    </font>
    <font>
      <sz val="10"/>
      <name val="ＭＳ Ｐ明朝"/>
      <family val="1"/>
      <charset val="128"/>
    </font>
    <font>
      <sz val="9"/>
      <name val="ＭＳ Ｐ明朝"/>
      <family val="1"/>
      <charset val="128"/>
    </font>
    <font>
      <sz val="8"/>
      <name val="ＭＳ Ｐ明朝"/>
      <family val="1"/>
      <charset val="128"/>
    </font>
    <font>
      <b/>
      <sz val="11"/>
      <name val="ＭＳ Ｐ明朝"/>
      <family val="1"/>
      <charset val="128"/>
    </font>
    <font>
      <sz val="9"/>
      <name val="ＭＳ 明朝"/>
      <family val="1"/>
      <charset val="128"/>
    </font>
    <font>
      <u/>
      <sz val="11"/>
      <color indexed="12"/>
      <name val="ＭＳ 明朝"/>
      <family val="1"/>
      <charset val="128"/>
    </font>
    <font>
      <sz val="11"/>
      <color indexed="60"/>
      <name val="ＭＳ Ｐゴシック"/>
      <family val="3"/>
      <charset val="128"/>
    </font>
    <font>
      <sz val="11"/>
      <color indexed="8"/>
      <name val="ＭＳ 明朝"/>
      <family val="1"/>
      <charset val="128"/>
    </font>
    <font>
      <sz val="10"/>
      <name val="ＭＳ 明朝"/>
      <family val="1"/>
      <charset val="128"/>
    </font>
    <font>
      <sz val="10"/>
      <color theme="1"/>
      <name val="ＭＳ 明朝"/>
      <family val="1"/>
      <charset val="128"/>
    </font>
    <font>
      <sz val="12"/>
      <name val="ＭＳ 明朝"/>
      <family val="1"/>
      <charset val="128"/>
    </font>
    <font>
      <sz val="14"/>
      <name val="ＭＳ 明朝"/>
      <family val="1"/>
      <charset val="128"/>
    </font>
    <font>
      <sz val="11"/>
      <color indexed="8"/>
      <name val="ＭＳ Ｐゴシック"/>
      <family val="3"/>
      <charset val="128"/>
    </font>
  </fonts>
  <fills count="2">
    <fill>
      <patternFill patternType="none"/>
    </fill>
    <fill>
      <patternFill patternType="gray125"/>
    </fill>
  </fills>
  <borders count="37">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hair">
        <color indexed="64"/>
      </left>
      <right style="hair">
        <color indexed="64"/>
      </right>
      <top style="hair">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style="hair">
        <color indexed="64"/>
      </left>
      <right/>
      <top style="hair">
        <color indexed="64"/>
      </top>
      <bottom/>
      <diagonal/>
    </border>
    <border>
      <left style="hair">
        <color indexed="64"/>
      </left>
      <right style="thin">
        <color indexed="64"/>
      </right>
      <top style="hair">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thin">
        <color indexed="64"/>
      </right>
      <top/>
      <bottom/>
      <diagonal/>
    </border>
    <border>
      <left/>
      <right style="hair">
        <color indexed="64"/>
      </right>
      <top/>
      <bottom/>
      <diagonal/>
    </border>
    <border>
      <left style="thin">
        <color indexed="64"/>
      </left>
      <right/>
      <top/>
      <bottom style="thin">
        <color indexed="64"/>
      </bottom>
      <diagonal/>
    </border>
    <border>
      <left/>
      <right/>
      <top/>
      <bottom style="thin">
        <color indexed="64"/>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hair">
        <color indexed="64"/>
      </left>
      <right style="thin">
        <color indexed="64"/>
      </right>
      <top/>
      <bottom style="thin">
        <color indexed="64"/>
      </bottom>
      <diagonal/>
    </border>
    <border>
      <left style="hair">
        <color indexed="64"/>
      </left>
      <right/>
      <top style="thin">
        <color indexed="64"/>
      </top>
      <bottom/>
      <diagonal/>
    </border>
    <border>
      <left/>
      <right style="thin">
        <color indexed="64"/>
      </right>
      <top/>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right style="thin">
        <color indexed="64"/>
      </right>
      <top/>
      <bottom style="thin">
        <color indexed="64"/>
      </bottom>
      <diagonal/>
    </border>
    <border>
      <left style="thin">
        <color indexed="64"/>
      </left>
      <right/>
      <top/>
      <bottom style="hair">
        <color indexed="64"/>
      </bottom>
      <diagonal/>
    </border>
    <border>
      <left/>
      <right/>
      <top/>
      <bottom style="hair">
        <color indexed="64"/>
      </bottom>
      <diagonal/>
    </border>
    <border>
      <left style="hair">
        <color indexed="64"/>
      </left>
      <right/>
      <top/>
      <bottom style="hair">
        <color indexed="64"/>
      </bottom>
      <diagonal/>
    </border>
    <border>
      <left/>
      <right style="thin">
        <color indexed="64"/>
      </right>
      <top/>
      <bottom style="hair">
        <color indexed="64"/>
      </bottom>
      <diagonal/>
    </border>
    <border>
      <left style="hair">
        <color indexed="64"/>
      </left>
      <right style="hair">
        <color indexed="64"/>
      </right>
      <top style="hair">
        <color indexed="64"/>
      </top>
      <bottom style="hair">
        <color indexed="64"/>
      </bottom>
      <diagonal/>
    </border>
    <border>
      <left/>
      <right style="hair">
        <color indexed="64"/>
      </right>
      <top style="hair">
        <color indexed="64"/>
      </top>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bottom style="hair">
        <color indexed="64"/>
      </bottom>
      <diagonal/>
    </border>
    <border>
      <left style="thin">
        <color indexed="64"/>
      </left>
      <right style="hair">
        <color indexed="64"/>
      </right>
      <top style="hair">
        <color indexed="64"/>
      </top>
      <bottom/>
      <diagonal/>
    </border>
  </borders>
  <cellStyleXfs count="8">
    <xf numFmtId="0" fontId="0" fillId="0" borderId="0"/>
    <xf numFmtId="38" fontId="6" fillId="0" borderId="0" applyFont="0" applyFill="0" applyBorder="0" applyAlignment="0" applyProtection="0"/>
    <xf numFmtId="0" fontId="1" fillId="0" borderId="0"/>
    <xf numFmtId="0" fontId="1" fillId="0" borderId="0"/>
    <xf numFmtId="0" fontId="1" fillId="0" borderId="0"/>
    <xf numFmtId="0" fontId="1" fillId="0" borderId="0"/>
    <xf numFmtId="38" fontId="6" fillId="0" borderId="0" applyFont="0" applyFill="0" applyBorder="0" applyAlignment="0" applyProtection="0"/>
    <xf numFmtId="6" fontId="6" fillId="0" borderId="0" applyFont="0" applyFill="0" applyBorder="0" applyAlignment="0" applyProtection="0"/>
  </cellStyleXfs>
  <cellXfs count="427">
    <xf numFmtId="0" fontId="0" fillId="0" borderId="0" xfId="0"/>
    <xf numFmtId="0" fontId="2" fillId="0" borderId="0" xfId="0" applyFont="1"/>
    <xf numFmtId="0" fontId="4" fillId="0" borderId="0" xfId="0" applyFont="1" applyAlignment="1">
      <alignment vertical="top"/>
    </xf>
    <xf numFmtId="0" fontId="2" fillId="0" borderId="0" xfId="0" applyFont="1" applyAlignment="1">
      <alignment vertical="top"/>
    </xf>
    <xf numFmtId="176" fontId="4" fillId="0" borderId="0" xfId="0" applyNumberFormat="1" applyFont="1" applyAlignment="1">
      <alignment vertical="top"/>
    </xf>
    <xf numFmtId="177" fontId="4" fillId="0" borderId="0" xfId="0" applyNumberFormat="1" applyFont="1" applyAlignment="1">
      <alignment vertical="top"/>
    </xf>
    <xf numFmtId="0" fontId="5" fillId="0" borderId="0" xfId="0" applyFont="1"/>
    <xf numFmtId="0" fontId="4" fillId="0" borderId="0" xfId="0" applyFont="1"/>
    <xf numFmtId="176" fontId="4" fillId="0" borderId="0" xfId="0" applyNumberFormat="1" applyFont="1"/>
    <xf numFmtId="177" fontId="4" fillId="0" borderId="0" xfId="0" applyNumberFormat="1" applyFont="1"/>
    <xf numFmtId="0" fontId="4" fillId="0" borderId="1" xfId="0" applyFont="1" applyBorder="1"/>
    <xf numFmtId="0" fontId="4" fillId="0" borderId="2" xfId="0" applyFont="1" applyBorder="1"/>
    <xf numFmtId="176" fontId="4" fillId="0" borderId="2" xfId="1" applyNumberFormat="1" applyFont="1" applyFill="1" applyBorder="1" applyAlignment="1">
      <alignment horizontal="center"/>
    </xf>
    <xf numFmtId="0" fontId="4" fillId="0" borderId="2" xfId="0" applyFont="1" applyBorder="1" applyAlignment="1">
      <alignment horizontal="center"/>
    </xf>
    <xf numFmtId="0" fontId="4" fillId="0" borderId="3" xfId="0" applyFont="1" applyBorder="1" applyAlignment="1">
      <alignment horizontal="center"/>
    </xf>
    <xf numFmtId="0" fontId="4" fillId="0" borderId="4" xfId="0" applyFont="1" applyBorder="1"/>
    <xf numFmtId="176" fontId="4" fillId="0" borderId="5" xfId="1" applyNumberFormat="1" applyFont="1" applyFill="1" applyBorder="1" applyAlignment="1">
      <alignment horizontal="center" vertical="center"/>
    </xf>
    <xf numFmtId="176" fontId="4" fillId="0" borderId="6" xfId="1" applyNumberFormat="1" applyFont="1" applyFill="1" applyBorder="1" applyAlignment="1">
      <alignment horizontal="center" vertical="center"/>
    </xf>
    <xf numFmtId="56" fontId="4" fillId="0" borderId="7" xfId="0" applyNumberFormat="1" applyFont="1" applyBorder="1" applyAlignment="1">
      <alignment horizontal="center" vertical="center"/>
    </xf>
    <xf numFmtId="56" fontId="4" fillId="0" borderId="5" xfId="0" applyNumberFormat="1" applyFont="1" applyBorder="1" applyAlignment="1">
      <alignment horizontal="center" vertical="center"/>
    </xf>
    <xf numFmtId="56" fontId="4" fillId="0" borderId="8" xfId="0" applyNumberFormat="1" applyFont="1" applyBorder="1" applyAlignment="1">
      <alignment horizontal="centerContinuous" vertical="center"/>
    </xf>
    <xf numFmtId="56" fontId="4" fillId="0" borderId="9" xfId="0" applyNumberFormat="1" applyFont="1" applyBorder="1" applyAlignment="1">
      <alignment horizontal="center" vertical="center"/>
    </xf>
    <xf numFmtId="176" fontId="4" fillId="0" borderId="10" xfId="1" applyNumberFormat="1" applyFont="1" applyFill="1" applyBorder="1" applyAlignment="1">
      <alignment horizontal="center" vertical="center"/>
    </xf>
    <xf numFmtId="56" fontId="4" fillId="0" borderId="11" xfId="0" quotePrefix="1" applyNumberFormat="1" applyFont="1" applyBorder="1" applyAlignment="1">
      <alignment horizontal="center" vertical="center"/>
    </xf>
    <xf numFmtId="0" fontId="4" fillId="0" borderId="11" xfId="0" applyFont="1" applyBorder="1" applyAlignment="1">
      <alignment horizontal="center" vertical="center"/>
    </xf>
    <xf numFmtId="0" fontId="4" fillId="0" borderId="10" xfId="0" applyFont="1" applyBorder="1" applyAlignment="1">
      <alignment horizontal="center" vertical="center"/>
    </xf>
    <xf numFmtId="0" fontId="4" fillId="0" borderId="12" xfId="0" applyFont="1" applyBorder="1" applyAlignment="1">
      <alignment horizontal="center" vertical="center"/>
    </xf>
    <xf numFmtId="0" fontId="4" fillId="0" borderId="0" xfId="0" applyFont="1" applyAlignment="1">
      <alignment horizontal="center"/>
    </xf>
    <xf numFmtId="0" fontId="4" fillId="0" borderId="13" xfId="0" applyFont="1" applyBorder="1" applyAlignment="1">
      <alignment horizontal="center"/>
    </xf>
    <xf numFmtId="0" fontId="4" fillId="0" borderId="10" xfId="0" applyFont="1" applyBorder="1" applyAlignment="1">
      <alignment horizontal="centerContinuous" vertical="center"/>
    </xf>
    <xf numFmtId="176" fontId="4" fillId="0" borderId="10" xfId="0" applyNumberFormat="1" applyFont="1" applyBorder="1" applyAlignment="1">
      <alignment horizontal="center" vertical="center"/>
    </xf>
    <xf numFmtId="176" fontId="4" fillId="0" borderId="11" xfId="0" applyNumberFormat="1" applyFont="1" applyBorder="1" applyAlignment="1">
      <alignment horizontal="center" vertical="center"/>
    </xf>
    <xf numFmtId="0" fontId="8" fillId="0" borderId="11" xfId="0" applyFont="1" applyBorder="1" applyAlignment="1">
      <alignment horizontal="center" vertical="center"/>
    </xf>
    <xf numFmtId="0" fontId="9" fillId="0" borderId="12" xfId="0" applyFont="1" applyBorder="1" applyAlignment="1">
      <alignment horizontal="center" vertical="center"/>
    </xf>
    <xf numFmtId="0" fontId="4" fillId="0" borderId="14" xfId="0" applyFont="1" applyBorder="1"/>
    <xf numFmtId="0" fontId="4" fillId="0" borderId="15" xfId="0" applyFont="1" applyBorder="1" applyAlignment="1">
      <alignment horizontal="center"/>
    </xf>
    <xf numFmtId="0" fontId="4" fillId="0" borderId="16" xfId="0" applyFont="1" applyBorder="1" applyAlignment="1">
      <alignment horizontal="center"/>
    </xf>
    <xf numFmtId="176" fontId="4" fillId="0" borderId="17" xfId="1" applyNumberFormat="1" applyFont="1" applyFill="1" applyBorder="1" applyAlignment="1">
      <alignment horizontal="center" vertical="center"/>
    </xf>
    <xf numFmtId="0" fontId="4" fillId="0" borderId="17" xfId="0" applyFont="1" applyBorder="1" applyAlignment="1">
      <alignment vertical="center"/>
    </xf>
    <xf numFmtId="0" fontId="4" fillId="0" borderId="18" xfId="0" applyFont="1" applyBorder="1" applyAlignment="1">
      <alignment vertical="center"/>
    </xf>
    <xf numFmtId="0" fontId="4" fillId="0" borderId="18" xfId="0" applyFont="1" applyBorder="1" applyAlignment="1">
      <alignment horizontal="center" vertical="center"/>
    </xf>
    <xf numFmtId="0" fontId="4" fillId="0" borderId="19" xfId="0" applyFont="1" applyBorder="1" applyAlignment="1">
      <alignment horizontal="center" vertical="center"/>
    </xf>
    <xf numFmtId="176" fontId="4" fillId="0" borderId="20" xfId="1" applyNumberFormat="1" applyFont="1" applyFill="1" applyBorder="1" applyAlignment="1">
      <alignment horizontal="center"/>
    </xf>
    <xf numFmtId="176" fontId="4" fillId="0" borderId="11" xfId="0" applyNumberFormat="1" applyFont="1" applyBorder="1"/>
    <xf numFmtId="178" fontId="4" fillId="0" borderId="0" xfId="0" applyNumberFormat="1" applyFont="1" applyAlignment="1">
      <alignment horizontal="right"/>
    </xf>
    <xf numFmtId="178" fontId="4" fillId="0" borderId="21" xfId="0" applyNumberFormat="1" applyFont="1" applyBorder="1" applyAlignment="1">
      <alignment horizontal="right"/>
    </xf>
    <xf numFmtId="0" fontId="4" fillId="0" borderId="0" xfId="2" applyFont="1"/>
    <xf numFmtId="0" fontId="10" fillId="0" borderId="0" xfId="2" applyFont="1"/>
    <xf numFmtId="0" fontId="11" fillId="0" borderId="0" xfId="2" applyFont="1" applyAlignment="1">
      <alignment horizontal="left"/>
    </xf>
    <xf numFmtId="176" fontId="11" fillId="0" borderId="11" xfId="0" applyNumberFormat="1" applyFont="1" applyBorder="1"/>
    <xf numFmtId="176" fontId="11" fillId="0" borderId="0" xfId="0" applyNumberFormat="1" applyFont="1"/>
    <xf numFmtId="178" fontId="11" fillId="0" borderId="0" xfId="0" applyNumberFormat="1" applyFont="1" applyAlignment="1">
      <alignment horizontal="right"/>
    </xf>
    <xf numFmtId="177" fontId="11" fillId="0" borderId="0" xfId="0" applyNumberFormat="1" applyFont="1"/>
    <xf numFmtId="178" fontId="11" fillId="0" borderId="21" xfId="0" applyNumberFormat="1" applyFont="1" applyBorder="1" applyAlignment="1">
      <alignment horizontal="right"/>
    </xf>
    <xf numFmtId="0" fontId="11" fillId="0" borderId="0" xfId="0" applyFont="1"/>
    <xf numFmtId="0" fontId="11" fillId="0" borderId="0" xfId="0" applyFont="1" applyAlignment="1">
      <alignment horizontal="center"/>
    </xf>
    <xf numFmtId="177" fontId="4" fillId="0" borderId="0" xfId="0" applyNumberFormat="1" applyFont="1" applyAlignment="1">
      <alignment horizontal="right"/>
    </xf>
    <xf numFmtId="0" fontId="4" fillId="0" borderId="22" xfId="0" applyFont="1" applyBorder="1"/>
    <xf numFmtId="0" fontId="11" fillId="0" borderId="23" xfId="0" applyFont="1" applyBorder="1" applyAlignment="1">
      <alignment horizontal="center"/>
    </xf>
    <xf numFmtId="176" fontId="4" fillId="0" borderId="8" xfId="0" applyNumberFormat="1" applyFont="1" applyBorder="1"/>
    <xf numFmtId="176" fontId="4" fillId="0" borderId="23" xfId="0" applyNumberFormat="1" applyFont="1" applyBorder="1"/>
    <xf numFmtId="178" fontId="4" fillId="0" borderId="23" xfId="0" applyNumberFormat="1" applyFont="1" applyBorder="1" applyAlignment="1">
      <alignment horizontal="right"/>
    </xf>
    <xf numFmtId="177" fontId="4" fillId="0" borderId="23" xfId="0" applyNumberFormat="1" applyFont="1" applyBorder="1" applyAlignment="1">
      <alignment horizontal="right"/>
    </xf>
    <xf numFmtId="178" fontId="4" fillId="0" borderId="24" xfId="0" applyNumberFormat="1" applyFont="1" applyBorder="1" applyAlignment="1">
      <alignment horizontal="right"/>
    </xf>
    <xf numFmtId="0" fontId="11" fillId="0" borderId="15" xfId="0" applyFont="1" applyBorder="1" applyAlignment="1">
      <alignment horizontal="center"/>
    </xf>
    <xf numFmtId="176" fontId="4" fillId="0" borderId="18" xfId="0" applyNumberFormat="1" applyFont="1" applyBorder="1"/>
    <xf numFmtId="176" fontId="4" fillId="0" borderId="15" xfId="0" applyNumberFormat="1" applyFont="1" applyBorder="1"/>
    <xf numFmtId="178" fontId="4" fillId="0" borderId="15" xfId="0" applyNumberFormat="1" applyFont="1" applyBorder="1" applyAlignment="1">
      <alignment horizontal="right"/>
    </xf>
    <xf numFmtId="177" fontId="4" fillId="0" borderId="25" xfId="0" applyNumberFormat="1" applyFont="1" applyBorder="1"/>
    <xf numFmtId="0" fontId="9" fillId="0" borderId="0" xfId="0" applyFont="1"/>
    <xf numFmtId="0" fontId="10" fillId="0" borderId="0" xfId="0" applyFont="1" applyAlignment="1">
      <alignment shrinkToFit="1"/>
    </xf>
    <xf numFmtId="176" fontId="4" fillId="0" borderId="0" xfId="1" applyNumberFormat="1" applyFont="1" applyFill="1" applyAlignment="1">
      <alignment horizontal="center"/>
    </xf>
    <xf numFmtId="0" fontId="4" fillId="0" borderId="21" xfId="0" applyFont="1" applyBorder="1" applyAlignment="1">
      <alignment horizontal="center"/>
    </xf>
    <xf numFmtId="176" fontId="4" fillId="0" borderId="11" xfId="2" applyNumberFormat="1" applyFont="1" applyBorder="1"/>
    <xf numFmtId="176" fontId="11" fillId="0" borderId="11" xfId="2" applyNumberFormat="1" applyFont="1" applyBorder="1" applyAlignment="1">
      <alignment vertical="center"/>
    </xf>
    <xf numFmtId="0" fontId="4" fillId="0" borderId="4" xfId="2" applyFont="1" applyBorder="1"/>
    <xf numFmtId="0" fontId="4" fillId="0" borderId="0" xfId="0" applyFont="1" applyAlignment="1">
      <alignment vertical="center"/>
    </xf>
    <xf numFmtId="176" fontId="11" fillId="0" borderId="11" xfId="2" applyNumberFormat="1" applyFont="1" applyBorder="1" applyAlignment="1">
      <alignment horizontal="right"/>
    </xf>
    <xf numFmtId="0" fontId="4" fillId="0" borderId="0" xfId="2" applyFont="1" applyAlignment="1">
      <alignment shrinkToFit="1"/>
    </xf>
    <xf numFmtId="179" fontId="4" fillId="0" borderId="0" xfId="0" applyNumberFormat="1" applyFont="1" applyAlignment="1">
      <alignment horizontal="right"/>
    </xf>
    <xf numFmtId="176" fontId="4" fillId="0" borderId="8" xfId="2" applyNumberFormat="1" applyFont="1" applyBorder="1"/>
    <xf numFmtId="179" fontId="4" fillId="0" borderId="23" xfId="0" applyNumberFormat="1" applyFont="1" applyBorder="1" applyAlignment="1">
      <alignment horizontal="right"/>
    </xf>
    <xf numFmtId="176" fontId="11" fillId="0" borderId="0" xfId="2" applyNumberFormat="1" applyFont="1"/>
    <xf numFmtId="176" fontId="4" fillId="0" borderId="20" xfId="1" applyNumberFormat="1" applyFont="1" applyFill="1" applyBorder="1" applyAlignment="1">
      <alignment horizontal="center" vertical="center"/>
    </xf>
    <xf numFmtId="176" fontId="4" fillId="0" borderId="0" xfId="1" applyNumberFormat="1" applyFont="1" applyFill="1" applyBorder="1" applyAlignment="1">
      <alignment horizontal="center" vertical="center"/>
    </xf>
    <xf numFmtId="0" fontId="4" fillId="0" borderId="0" xfId="0" applyFont="1" applyAlignment="1">
      <alignment horizontal="center" vertical="center"/>
    </xf>
    <xf numFmtId="0" fontId="4" fillId="0" borderId="21" xfId="0" applyFont="1" applyBorder="1" applyAlignment="1">
      <alignment horizontal="center" vertical="center"/>
    </xf>
    <xf numFmtId="0" fontId="4" fillId="0" borderId="0" xfId="2" applyFont="1" applyAlignment="1">
      <alignment horizontal="left"/>
    </xf>
    <xf numFmtId="0" fontId="4" fillId="0" borderId="0" xfId="2" applyFont="1" applyAlignment="1">
      <alignment horizontal="center"/>
    </xf>
    <xf numFmtId="176" fontId="11" fillId="0" borderId="11" xfId="2" applyNumberFormat="1" applyFont="1" applyBorder="1"/>
    <xf numFmtId="0" fontId="11" fillId="0" borderId="0" xfId="2" applyFont="1"/>
    <xf numFmtId="0" fontId="11" fillId="0" borderId="0" xfId="2" applyFont="1" applyAlignment="1">
      <alignment horizontal="center"/>
    </xf>
    <xf numFmtId="0" fontId="4" fillId="0" borderId="0" xfId="0" applyFont="1" applyAlignment="1">
      <alignment shrinkToFit="1"/>
    </xf>
    <xf numFmtId="0" fontId="4" fillId="0" borderId="0" xfId="0" applyFont="1" applyAlignment="1">
      <alignment horizontal="left"/>
    </xf>
    <xf numFmtId="0" fontId="4" fillId="0" borderId="26" xfId="0" applyFont="1" applyBorder="1"/>
    <xf numFmtId="0" fontId="11" fillId="0" borderId="27" xfId="0" applyFont="1" applyBorder="1" applyAlignment="1">
      <alignment horizontal="center"/>
    </xf>
    <xf numFmtId="176" fontId="4" fillId="0" borderId="28" xfId="2" applyNumberFormat="1" applyFont="1" applyBorder="1"/>
    <xf numFmtId="176" fontId="4" fillId="0" borderId="27" xfId="0" applyNumberFormat="1" applyFont="1" applyBorder="1"/>
    <xf numFmtId="178" fontId="4" fillId="0" borderId="27" xfId="0" applyNumberFormat="1" applyFont="1" applyBorder="1" applyAlignment="1">
      <alignment horizontal="right"/>
    </xf>
    <xf numFmtId="179" fontId="4" fillId="0" borderId="27" xfId="0" applyNumberFormat="1" applyFont="1" applyBorder="1" applyAlignment="1">
      <alignment horizontal="right"/>
    </xf>
    <xf numFmtId="178" fontId="4" fillId="0" borderId="29" xfId="0" applyNumberFormat="1" applyFont="1" applyBorder="1" applyAlignment="1">
      <alignment horizontal="right"/>
    </xf>
    <xf numFmtId="0" fontId="8" fillId="0" borderId="0" xfId="0" applyFont="1"/>
    <xf numFmtId="0" fontId="4" fillId="0" borderId="0" xfId="0" applyFont="1" applyAlignment="1">
      <alignment horizontal="left" shrinkToFit="1"/>
    </xf>
    <xf numFmtId="176" fontId="4" fillId="0" borderId="20" xfId="1" applyNumberFormat="1" applyFont="1" applyFill="1" applyBorder="1" applyAlignment="1">
      <alignment horizontal="centerContinuous" vertical="center"/>
    </xf>
    <xf numFmtId="176" fontId="4" fillId="0" borderId="2" xfId="1" applyNumberFormat="1" applyFont="1" applyFill="1" applyBorder="1" applyAlignment="1">
      <alignment horizontal="centerContinuous" vertical="center"/>
    </xf>
    <xf numFmtId="0" fontId="4" fillId="0" borderId="2" xfId="0" applyFont="1" applyBorder="1" applyAlignment="1">
      <alignment horizontal="centerContinuous" vertical="center"/>
    </xf>
    <xf numFmtId="176" fontId="4" fillId="0" borderId="18" xfId="0" applyNumberFormat="1" applyFont="1" applyBorder="1" applyAlignment="1">
      <alignment vertical="center"/>
    </xf>
    <xf numFmtId="176" fontId="4" fillId="0" borderId="15" xfId="0" applyNumberFormat="1" applyFont="1" applyBorder="1" applyAlignment="1">
      <alignment vertical="center"/>
    </xf>
    <xf numFmtId="178" fontId="4" fillId="0" borderId="15" xfId="0" applyNumberFormat="1" applyFont="1" applyBorder="1" applyAlignment="1">
      <alignment horizontal="centerContinuous" vertical="center"/>
    </xf>
    <xf numFmtId="179" fontId="4" fillId="0" borderId="15" xfId="0" applyNumberFormat="1" applyFont="1" applyBorder="1" applyAlignment="1">
      <alignment horizontal="centerContinuous" vertical="center"/>
    </xf>
    <xf numFmtId="178" fontId="4" fillId="0" borderId="25" xfId="0" applyNumberFormat="1" applyFont="1" applyBorder="1" applyAlignment="1">
      <alignment horizontal="centerContinuous" vertical="center"/>
    </xf>
    <xf numFmtId="0" fontId="4" fillId="0" borderId="0" xfId="3" applyFont="1"/>
    <xf numFmtId="176" fontId="4" fillId="0" borderId="5" xfId="0" applyNumberFormat="1" applyFont="1" applyBorder="1" applyAlignment="1">
      <alignment horizontal="center" vertical="center"/>
    </xf>
    <xf numFmtId="56" fontId="9" fillId="0" borderId="30" xfId="0" applyNumberFormat="1" applyFont="1" applyBorder="1" applyAlignment="1">
      <alignment horizontal="centerContinuous" vertical="center"/>
    </xf>
    <xf numFmtId="0" fontId="4" fillId="0" borderId="30" xfId="0" applyFont="1" applyBorder="1" applyAlignment="1">
      <alignment horizontal="centerContinuous" vertical="center"/>
    </xf>
    <xf numFmtId="0" fontId="8" fillId="0" borderId="5" xfId="0" applyFont="1" applyBorder="1" applyAlignment="1">
      <alignment horizontal="center" vertical="center"/>
    </xf>
    <xf numFmtId="0" fontId="4" fillId="0" borderId="5" xfId="0" applyFont="1" applyBorder="1" applyAlignment="1">
      <alignment horizontal="centerContinuous" vertical="center"/>
    </xf>
    <xf numFmtId="0" fontId="8" fillId="0" borderId="10" xfId="0" applyFont="1" applyBorder="1" applyAlignment="1">
      <alignment horizontal="center" vertical="center"/>
    </xf>
    <xf numFmtId="0" fontId="4" fillId="0" borderId="17" xfId="4" applyFont="1" applyBorder="1" applyAlignment="1">
      <alignment vertical="center"/>
    </xf>
    <xf numFmtId="0" fontId="4" fillId="0" borderId="17" xfId="4" applyFont="1" applyBorder="1" applyAlignment="1">
      <alignment horizontal="center" vertical="center"/>
    </xf>
    <xf numFmtId="0" fontId="4" fillId="0" borderId="19" xfId="0" applyFont="1" applyBorder="1" applyAlignment="1">
      <alignment vertical="center"/>
    </xf>
    <xf numFmtId="180" fontId="4" fillId="0" borderId="0" xfId="2" applyNumberFormat="1" applyFont="1" applyAlignment="1">
      <alignment horizontal="right"/>
    </xf>
    <xf numFmtId="181" fontId="4" fillId="0" borderId="0" xfId="0" applyNumberFormat="1" applyFont="1"/>
    <xf numFmtId="179" fontId="4" fillId="0" borderId="0" xfId="0" applyNumberFormat="1" applyFont="1"/>
    <xf numFmtId="181" fontId="4" fillId="0" borderId="23" xfId="0" applyNumberFormat="1" applyFont="1" applyBorder="1"/>
    <xf numFmtId="179" fontId="4" fillId="0" borderId="23" xfId="0" applyNumberFormat="1" applyFont="1" applyBorder="1"/>
    <xf numFmtId="0" fontId="11" fillId="0" borderId="4" xfId="0" applyFont="1" applyBorder="1"/>
    <xf numFmtId="179" fontId="11" fillId="0" borderId="0" xfId="0" applyNumberFormat="1" applyFont="1" applyAlignment="1">
      <alignment horizontal="right"/>
    </xf>
    <xf numFmtId="0" fontId="4" fillId="0" borderId="11" xfId="0" applyFont="1" applyBorder="1" applyAlignment="1">
      <alignment horizontal="centerContinuous" vertical="center"/>
    </xf>
    <xf numFmtId="0" fontId="4" fillId="0" borderId="0" xfId="0" applyFont="1" applyAlignment="1">
      <alignment horizontal="centerContinuous" vertical="center"/>
    </xf>
    <xf numFmtId="0" fontId="4" fillId="0" borderId="13" xfId="0" applyFont="1" applyBorder="1" applyAlignment="1">
      <alignment horizontal="centerContinuous" vertical="center"/>
    </xf>
    <xf numFmtId="0" fontId="4" fillId="0" borderId="18" xfId="2" applyFont="1" applyBorder="1" applyAlignment="1">
      <alignment horizontal="center" vertical="center"/>
    </xf>
    <xf numFmtId="0" fontId="4" fillId="0" borderId="15" xfId="2" applyFont="1" applyBorder="1" applyAlignment="1">
      <alignment horizontal="center" vertical="center"/>
    </xf>
    <xf numFmtId="0" fontId="4" fillId="0" borderId="16" xfId="2" applyFont="1" applyBorder="1" applyAlignment="1">
      <alignment horizontal="center" vertical="center"/>
    </xf>
    <xf numFmtId="182" fontId="4" fillId="0" borderId="0" xfId="0" applyNumberFormat="1" applyFont="1"/>
    <xf numFmtId="182" fontId="4" fillId="0" borderId="21" xfId="0" applyNumberFormat="1" applyFont="1" applyBorder="1"/>
    <xf numFmtId="182" fontId="4" fillId="0" borderId="23" xfId="0" applyNumberFormat="1" applyFont="1" applyBorder="1"/>
    <xf numFmtId="177" fontId="4" fillId="0" borderId="23" xfId="0" applyNumberFormat="1" applyFont="1" applyBorder="1"/>
    <xf numFmtId="182" fontId="4" fillId="0" borderId="24" xfId="0" applyNumberFormat="1" applyFont="1" applyBorder="1"/>
    <xf numFmtId="0" fontId="4" fillId="0" borderId="4" xfId="3" applyFont="1" applyBorder="1"/>
    <xf numFmtId="177" fontId="4" fillId="0" borderId="21" xfId="0" applyNumberFormat="1" applyFont="1" applyBorder="1"/>
    <xf numFmtId="177" fontId="4" fillId="0" borderId="24" xfId="0" applyNumberFormat="1" applyFont="1" applyBorder="1"/>
    <xf numFmtId="176" fontId="4" fillId="0" borderId="0" xfId="0" applyNumberFormat="1" applyFont="1" applyAlignment="1">
      <alignment horizontal="right"/>
    </xf>
    <xf numFmtId="182" fontId="11" fillId="0" borderId="0" xfId="0" applyNumberFormat="1" applyFont="1"/>
    <xf numFmtId="182" fontId="11" fillId="0" borderId="21" xfId="0" applyNumberFormat="1" applyFont="1" applyBorder="1"/>
    <xf numFmtId="0" fontId="4" fillId="0" borderId="0" xfId="0" applyFont="1" applyAlignment="1">
      <alignment wrapText="1"/>
    </xf>
    <xf numFmtId="182" fontId="4" fillId="0" borderId="15" xfId="0" applyNumberFormat="1" applyFont="1" applyBorder="1"/>
    <xf numFmtId="177" fontId="4" fillId="0" borderId="15" xfId="0" applyNumberFormat="1" applyFont="1" applyBorder="1"/>
    <xf numFmtId="182" fontId="4" fillId="0" borderId="25" xfId="0" applyNumberFormat="1" applyFont="1" applyBorder="1"/>
    <xf numFmtId="0" fontId="4" fillId="0" borderId="0" xfId="4" applyFont="1"/>
    <xf numFmtId="0" fontId="4" fillId="0" borderId="1" xfId="4" applyFont="1" applyBorder="1"/>
    <xf numFmtId="0" fontId="4" fillId="0" borderId="2" xfId="4" applyFont="1" applyBorder="1"/>
    <xf numFmtId="0" fontId="4" fillId="0" borderId="4" xfId="4" applyFont="1" applyBorder="1"/>
    <xf numFmtId="0" fontId="4" fillId="0" borderId="0" xfId="4" applyFont="1" applyAlignment="1">
      <alignment horizontal="center"/>
    </xf>
    <xf numFmtId="0" fontId="4" fillId="0" borderId="13" xfId="4" applyFont="1" applyBorder="1" applyAlignment="1">
      <alignment horizontal="center"/>
    </xf>
    <xf numFmtId="0" fontId="4" fillId="0" borderId="14" xfId="4" applyFont="1" applyBorder="1"/>
    <xf numFmtId="0" fontId="4" fillId="0" borderId="15" xfId="4" applyFont="1" applyBorder="1" applyAlignment="1">
      <alignment horizontal="center"/>
    </xf>
    <xf numFmtId="0" fontId="4" fillId="0" borderId="16" xfId="4" applyFont="1" applyBorder="1" applyAlignment="1">
      <alignment horizontal="center"/>
    </xf>
    <xf numFmtId="0" fontId="4" fillId="0" borderId="2" xfId="4" applyFont="1" applyBorder="1" applyAlignment="1">
      <alignment horizontal="center"/>
    </xf>
    <xf numFmtId="176" fontId="4" fillId="0" borderId="0" xfId="0" quotePrefix="1" applyNumberFormat="1" applyFont="1" applyAlignment="1">
      <alignment horizontal="right" vertical="center"/>
    </xf>
    <xf numFmtId="183" fontId="4" fillId="0" borderId="21" xfId="0" applyNumberFormat="1" applyFont="1" applyBorder="1" applyAlignment="1">
      <alignment horizontal="right"/>
    </xf>
    <xf numFmtId="0" fontId="11" fillId="0" borderId="0" xfId="4" applyFont="1" applyAlignment="1">
      <alignment horizontal="center"/>
    </xf>
    <xf numFmtId="0" fontId="4" fillId="0" borderId="22" xfId="4" applyFont="1" applyBorder="1"/>
    <xf numFmtId="0" fontId="4" fillId="0" borderId="23" xfId="4" applyFont="1" applyBorder="1"/>
    <xf numFmtId="0" fontId="11" fillId="0" borderId="23" xfId="4" applyFont="1" applyBorder="1" applyAlignment="1">
      <alignment horizontal="center"/>
    </xf>
    <xf numFmtId="176" fontId="11" fillId="0" borderId="0" xfId="0" quotePrefix="1" applyNumberFormat="1" applyFont="1" applyAlignment="1">
      <alignment horizontal="right" vertical="center"/>
    </xf>
    <xf numFmtId="0" fontId="4" fillId="0" borderId="15" xfId="4" applyFont="1" applyBorder="1"/>
    <xf numFmtId="0" fontId="9" fillId="0" borderId="0" xfId="4" applyFont="1"/>
    <xf numFmtId="0" fontId="4" fillId="0" borderId="17" xfId="0" applyFont="1" applyBorder="1" applyAlignment="1">
      <alignment horizontal="center" vertical="center"/>
    </xf>
    <xf numFmtId="182" fontId="4" fillId="0" borderId="0" xfId="0" applyNumberFormat="1" applyFont="1" applyAlignment="1">
      <alignment horizontal="right"/>
    </xf>
    <xf numFmtId="180" fontId="4" fillId="0" borderId="0" xfId="0" applyNumberFormat="1" applyFont="1" applyAlignment="1">
      <alignment horizontal="right"/>
    </xf>
    <xf numFmtId="182" fontId="4" fillId="0" borderId="21" xfId="0" applyNumberFormat="1" applyFont="1" applyBorder="1" applyAlignment="1">
      <alignment horizontal="right"/>
    </xf>
    <xf numFmtId="182" fontId="11" fillId="0" borderId="11" xfId="0" applyNumberFormat="1" applyFont="1" applyBorder="1" applyAlignment="1">
      <alignment horizontal="right"/>
    </xf>
    <xf numFmtId="182" fontId="11" fillId="0" borderId="0" xfId="0" applyNumberFormat="1" applyFont="1" applyAlignment="1">
      <alignment horizontal="right"/>
    </xf>
    <xf numFmtId="181" fontId="11" fillId="0" borderId="0" xfId="0" applyNumberFormat="1" applyFont="1" applyAlignment="1">
      <alignment horizontal="right"/>
    </xf>
    <xf numFmtId="182" fontId="11" fillId="0" borderId="21" xfId="0" applyNumberFormat="1" applyFont="1" applyBorder="1" applyAlignment="1">
      <alignment horizontal="right"/>
    </xf>
    <xf numFmtId="0" fontId="4" fillId="0" borderId="27" xfId="0" applyFont="1" applyBorder="1"/>
    <xf numFmtId="182" fontId="4" fillId="0" borderId="27" xfId="0" applyNumberFormat="1" applyFont="1" applyBorder="1" applyAlignment="1">
      <alignment horizontal="right"/>
    </xf>
    <xf numFmtId="181" fontId="4" fillId="0" borderId="27" xfId="0" applyNumberFormat="1" applyFont="1" applyBorder="1" applyAlignment="1">
      <alignment horizontal="right"/>
    </xf>
    <xf numFmtId="176" fontId="4" fillId="0" borderId="27" xfId="0" applyNumberFormat="1" applyFont="1" applyBorder="1" applyAlignment="1">
      <alignment horizontal="right"/>
    </xf>
    <xf numFmtId="181" fontId="4" fillId="0" borderId="27" xfId="0" applyNumberFormat="1" applyFont="1" applyBorder="1"/>
    <xf numFmtId="179" fontId="4" fillId="0" borderId="27" xfId="0" applyNumberFormat="1" applyFont="1" applyBorder="1"/>
    <xf numFmtId="176" fontId="4" fillId="0" borderId="29" xfId="0" applyNumberFormat="1" applyFont="1" applyBorder="1" applyAlignment="1">
      <alignment horizontal="right"/>
    </xf>
    <xf numFmtId="181" fontId="4" fillId="0" borderId="0" xfId="0" applyNumberFormat="1" applyFont="1" applyAlignment="1">
      <alignment horizontal="right"/>
    </xf>
    <xf numFmtId="176" fontId="4" fillId="0" borderId="21" xfId="0" applyNumberFormat="1" applyFont="1" applyBorder="1" applyAlignment="1">
      <alignment horizontal="right"/>
    </xf>
    <xf numFmtId="0" fontId="4" fillId="0" borderId="15" xfId="0" applyFont="1" applyBorder="1"/>
    <xf numFmtId="182" fontId="4" fillId="0" borderId="15" xfId="0" applyNumberFormat="1" applyFont="1" applyBorder="1" applyAlignment="1">
      <alignment horizontal="right"/>
    </xf>
    <xf numFmtId="181" fontId="4" fillId="0" borderId="15" xfId="0" applyNumberFormat="1" applyFont="1" applyBorder="1" applyAlignment="1">
      <alignment horizontal="right"/>
    </xf>
    <xf numFmtId="176" fontId="4" fillId="0" borderId="15" xfId="0" applyNumberFormat="1" applyFont="1" applyBorder="1" applyAlignment="1">
      <alignment horizontal="right"/>
    </xf>
    <xf numFmtId="56" fontId="4" fillId="0" borderId="8" xfId="0" applyNumberFormat="1" applyFont="1" applyBorder="1" applyAlignment="1">
      <alignment vertical="center"/>
    </xf>
    <xf numFmtId="0" fontId="4" fillId="0" borderId="23" xfId="0" applyFont="1" applyBorder="1" applyAlignment="1">
      <alignment vertical="center"/>
    </xf>
    <xf numFmtId="0" fontId="4" fillId="0" borderId="31" xfId="0" applyFont="1" applyBorder="1" applyAlignment="1">
      <alignment vertical="center"/>
    </xf>
    <xf numFmtId="0" fontId="4" fillId="0" borderId="15" xfId="0" applyFont="1" applyBorder="1" applyAlignment="1">
      <alignment horizontal="center" vertical="center"/>
    </xf>
    <xf numFmtId="0" fontId="4" fillId="0" borderId="16" xfId="0" applyFont="1" applyBorder="1" applyAlignment="1">
      <alignment horizontal="center" vertical="center"/>
    </xf>
    <xf numFmtId="177" fontId="4" fillId="0" borderId="27" xfId="0" applyNumberFormat="1" applyFont="1" applyBorder="1"/>
    <xf numFmtId="0" fontId="4" fillId="0" borderId="2" xfId="0" applyFont="1" applyBorder="1" applyAlignment="1">
      <alignment shrinkToFit="1"/>
    </xf>
    <xf numFmtId="0" fontId="4" fillId="0" borderId="4" xfId="0" applyFont="1" applyBorder="1" applyAlignment="1">
      <alignment vertical="center"/>
    </xf>
    <xf numFmtId="0" fontId="11" fillId="0" borderId="0" xfId="0" applyFont="1" applyAlignment="1">
      <alignment horizontal="left"/>
    </xf>
    <xf numFmtId="180" fontId="11" fillId="0" borderId="0" xfId="0" applyNumberFormat="1" applyFont="1"/>
    <xf numFmtId="180" fontId="11" fillId="0" borderId="0" xfId="0" quotePrefix="1" applyNumberFormat="1" applyFont="1" applyAlignment="1">
      <alignment horizontal="right"/>
    </xf>
    <xf numFmtId="182" fontId="11" fillId="0" borderId="0" xfId="0" quotePrefix="1" applyNumberFormat="1" applyFont="1" applyAlignment="1">
      <alignment horizontal="right"/>
    </xf>
    <xf numFmtId="177" fontId="11" fillId="0" borderId="0" xfId="0" applyNumberFormat="1" applyFont="1" applyAlignment="1">
      <alignment horizontal="right"/>
    </xf>
    <xf numFmtId="176" fontId="4" fillId="0" borderId="11" xfId="1" applyNumberFormat="1" applyFont="1" applyFill="1" applyBorder="1" applyAlignment="1">
      <alignment horizontal="center"/>
    </xf>
    <xf numFmtId="0" fontId="4" fillId="0" borderId="22" xfId="0" applyFont="1" applyBorder="1" applyAlignment="1">
      <alignment horizontal="center" vertical="center" textRotation="255" wrapText="1"/>
    </xf>
    <xf numFmtId="0" fontId="4" fillId="0" borderId="23" xfId="0" applyFont="1" applyBorder="1" applyAlignment="1">
      <alignment horizontal="center" vertical="center" textRotation="255" wrapText="1"/>
    </xf>
    <xf numFmtId="0" fontId="4" fillId="0" borderId="23" xfId="0" applyFont="1" applyBorder="1" applyAlignment="1">
      <alignment vertical="top"/>
    </xf>
    <xf numFmtId="180" fontId="4" fillId="0" borderId="23" xfId="1" applyNumberFormat="1" applyFont="1" applyFill="1" applyBorder="1" applyAlignment="1"/>
    <xf numFmtId="180" fontId="4" fillId="0" borderId="23" xfId="0" applyNumberFormat="1" applyFont="1" applyBorder="1"/>
    <xf numFmtId="0" fontId="4" fillId="0" borderId="24" xfId="0" applyFont="1" applyBorder="1"/>
    <xf numFmtId="0" fontId="11" fillId="0" borderId="4" xfId="0" applyFont="1" applyBorder="1" applyAlignment="1">
      <alignment horizontal="center" vertical="center"/>
    </xf>
    <xf numFmtId="0" fontId="4" fillId="0" borderId="14" xfId="0" applyFont="1" applyBorder="1" applyAlignment="1">
      <alignment horizontal="center" vertical="center" textRotation="255" wrapText="1"/>
    </xf>
    <xf numFmtId="0" fontId="4" fillId="0" borderId="15" xfId="0" applyFont="1" applyBorder="1" applyAlignment="1">
      <alignment horizontal="center" vertical="center" textRotation="255" wrapText="1"/>
    </xf>
    <xf numFmtId="0" fontId="4" fillId="0" borderId="15" xfId="0" applyFont="1" applyBorder="1" applyAlignment="1">
      <alignment vertical="top"/>
    </xf>
    <xf numFmtId="176" fontId="4" fillId="0" borderId="18" xfId="1" applyNumberFormat="1" applyFont="1" applyFill="1" applyBorder="1" applyAlignment="1">
      <alignment vertical="top"/>
    </xf>
    <xf numFmtId="176" fontId="4" fillId="0" borderId="15" xfId="1" applyNumberFormat="1" applyFont="1" applyFill="1" applyBorder="1" applyAlignment="1">
      <alignment vertical="top"/>
    </xf>
    <xf numFmtId="176" fontId="4" fillId="0" borderId="15" xfId="0" applyNumberFormat="1" applyFont="1" applyBorder="1" applyAlignment="1">
      <alignment vertical="top"/>
    </xf>
    <xf numFmtId="177" fontId="4" fillId="0" borderId="15" xfId="0" applyNumberFormat="1" applyFont="1" applyBorder="1" applyAlignment="1">
      <alignment vertical="top"/>
    </xf>
    <xf numFmtId="0" fontId="4" fillId="0" borderId="25" xfId="0" applyFont="1" applyBorder="1" applyAlignment="1">
      <alignment vertical="center"/>
    </xf>
    <xf numFmtId="182" fontId="11" fillId="0" borderId="15" xfId="0" quotePrefix="1" applyNumberFormat="1" applyFont="1" applyBorder="1" applyAlignment="1">
      <alignment horizontal="right"/>
    </xf>
    <xf numFmtId="177" fontId="4" fillId="0" borderId="15" xfId="0" applyNumberFormat="1" applyFont="1" applyBorder="1" applyAlignment="1">
      <alignment horizontal="right"/>
    </xf>
    <xf numFmtId="180" fontId="4" fillId="0" borderId="18" xfId="1" applyNumberFormat="1" applyFont="1" applyFill="1" applyBorder="1" applyAlignment="1">
      <alignment horizontal="center"/>
    </xf>
    <xf numFmtId="180" fontId="4" fillId="0" borderId="15" xfId="1" applyNumberFormat="1" applyFont="1" applyFill="1" applyBorder="1" applyAlignment="1">
      <alignment horizontal="center"/>
    </xf>
    <xf numFmtId="180" fontId="4" fillId="0" borderId="15" xfId="0" applyNumberFormat="1" applyFont="1" applyBorder="1"/>
    <xf numFmtId="180" fontId="4" fillId="0" borderId="15" xfId="0" applyNumberFormat="1" applyFont="1" applyBorder="1" applyAlignment="1">
      <alignment horizontal="center"/>
    </xf>
    <xf numFmtId="184" fontId="4" fillId="0" borderId="15" xfId="0" applyNumberFormat="1" applyFont="1" applyBorder="1"/>
    <xf numFmtId="180" fontId="4" fillId="0" borderId="25" xfId="0" applyNumberFormat="1" applyFont="1" applyBorder="1" applyAlignment="1">
      <alignment horizontal="center"/>
    </xf>
    <xf numFmtId="0" fontId="11" fillId="0" borderId="13" xfId="0" applyFont="1" applyBorder="1" applyAlignment="1">
      <alignment horizontal="left"/>
    </xf>
    <xf numFmtId="180" fontId="11" fillId="0" borderId="11" xfId="0" applyNumberFormat="1" applyFont="1" applyBorder="1"/>
    <xf numFmtId="0" fontId="11" fillId="0" borderId="16" xfId="0" applyFont="1" applyBorder="1" applyAlignment="1">
      <alignment horizontal="center"/>
    </xf>
    <xf numFmtId="0" fontId="16" fillId="0" borderId="0" xfId="5" applyFont="1" applyAlignment="1">
      <alignment vertical="center"/>
    </xf>
    <xf numFmtId="0" fontId="10" fillId="0" borderId="0" xfId="0" applyFont="1"/>
    <xf numFmtId="182" fontId="9" fillId="0" borderId="0" xfId="0" applyNumberFormat="1" applyFont="1"/>
    <xf numFmtId="184" fontId="9" fillId="0" borderId="0" xfId="0" applyNumberFormat="1" applyFont="1"/>
    <xf numFmtId="0" fontId="17" fillId="0" borderId="0" xfId="0" applyFont="1"/>
    <xf numFmtId="0" fontId="4" fillId="0" borderId="1" xfId="2" applyFont="1" applyBorder="1"/>
    <xf numFmtId="0" fontId="4" fillId="0" borderId="2" xfId="2" applyFont="1" applyBorder="1"/>
    <xf numFmtId="0" fontId="4" fillId="0" borderId="13" xfId="2" applyFont="1" applyBorder="1" applyAlignment="1">
      <alignment horizontal="center"/>
    </xf>
    <xf numFmtId="0" fontId="4" fillId="0" borderId="15" xfId="2" applyFont="1" applyBorder="1" applyAlignment="1">
      <alignment horizontal="center"/>
    </xf>
    <xf numFmtId="0" fontId="4" fillId="0" borderId="16" xfId="2" applyFont="1" applyBorder="1" applyAlignment="1">
      <alignment horizontal="center"/>
    </xf>
    <xf numFmtId="0" fontId="4" fillId="0" borderId="14" xfId="2" applyFont="1" applyBorder="1"/>
    <xf numFmtId="0" fontId="4" fillId="0" borderId="15" xfId="2" applyFont="1" applyBorder="1"/>
    <xf numFmtId="176" fontId="4" fillId="0" borderId="0" xfId="1" applyNumberFormat="1" applyFont="1" applyFill="1" applyAlignment="1">
      <alignment vertical="center"/>
    </xf>
    <xf numFmtId="176" fontId="4" fillId="0" borderId="0" xfId="0" applyNumberFormat="1" applyFont="1" applyAlignment="1">
      <alignment vertical="center"/>
    </xf>
    <xf numFmtId="0" fontId="4" fillId="0" borderId="1" xfId="0" applyFont="1" applyBorder="1" applyAlignment="1">
      <alignment horizontal="center" vertical="center" textRotation="255"/>
    </xf>
    <xf numFmtId="0" fontId="4" fillId="0" borderId="2" xfId="0" applyFont="1" applyBorder="1" applyAlignment="1">
      <alignment horizontal="center" vertical="center" textRotation="255"/>
    </xf>
    <xf numFmtId="0" fontId="4" fillId="0" borderId="2" xfId="0" applyFont="1" applyBorder="1" applyAlignment="1">
      <alignment horizontal="center" vertical="center"/>
    </xf>
    <xf numFmtId="176" fontId="4" fillId="0" borderId="2" xfId="1" applyNumberFormat="1" applyFont="1" applyFill="1" applyBorder="1" applyAlignment="1">
      <alignment horizontal="center" vertical="center"/>
    </xf>
    <xf numFmtId="176" fontId="4" fillId="0" borderId="2" xfId="0" applyNumberFormat="1" applyFont="1" applyBorder="1" applyAlignment="1">
      <alignment vertical="center"/>
    </xf>
    <xf numFmtId="0" fontId="4" fillId="0" borderId="3" xfId="0" applyFont="1" applyBorder="1" applyAlignment="1">
      <alignment vertical="center"/>
    </xf>
    <xf numFmtId="0" fontId="4" fillId="0" borderId="4" xfId="0" applyFont="1" applyBorder="1" applyAlignment="1">
      <alignment horizontal="center" vertical="center"/>
    </xf>
    <xf numFmtId="0" fontId="4" fillId="0" borderId="14" xfId="0" applyFont="1" applyBorder="1" applyAlignment="1">
      <alignment horizontal="center" vertical="center" textRotation="255"/>
    </xf>
    <xf numFmtId="0" fontId="4" fillId="0" borderId="15" xfId="0" applyFont="1" applyBorder="1" applyAlignment="1">
      <alignment horizontal="center" vertical="center" textRotation="255"/>
    </xf>
    <xf numFmtId="0" fontId="4" fillId="0" borderId="0" xfId="0" applyFont="1" applyAlignment="1">
      <alignment horizontal="center" vertical="center" textRotation="255"/>
    </xf>
    <xf numFmtId="176" fontId="4" fillId="0" borderId="0" xfId="1" applyNumberFormat="1" applyFont="1" applyFill="1" applyAlignment="1">
      <alignment horizontal="center" vertical="center"/>
    </xf>
    <xf numFmtId="0" fontId="4" fillId="0" borderId="4" xfId="0" applyFont="1" applyBorder="1" applyAlignment="1">
      <alignment horizontal="center" vertical="center" textRotation="255"/>
    </xf>
    <xf numFmtId="180" fontId="4" fillId="0" borderId="0" xfId="1" applyNumberFormat="1" applyFont="1" applyFill="1" applyAlignment="1">
      <alignment vertical="top"/>
    </xf>
    <xf numFmtId="180" fontId="4" fillId="0" borderId="0" xfId="0" applyNumberFormat="1" applyFont="1" applyAlignment="1">
      <alignment vertical="center"/>
    </xf>
    <xf numFmtId="180" fontId="4" fillId="0" borderId="0" xfId="0" applyNumberFormat="1" applyFont="1" applyAlignment="1">
      <alignment vertical="top"/>
    </xf>
    <xf numFmtId="180" fontId="4" fillId="0" borderId="15" xfId="0" applyNumberFormat="1" applyFont="1" applyBorder="1" applyAlignment="1">
      <alignment vertical="top"/>
    </xf>
    <xf numFmtId="0" fontId="4" fillId="0" borderId="1" xfId="0" applyFont="1" applyBorder="1" applyAlignment="1">
      <alignment horizontal="center" vertical="center" textRotation="255" wrapText="1"/>
    </xf>
    <xf numFmtId="0" fontId="4" fillId="0" borderId="0" xfId="0" applyFont="1" applyAlignment="1">
      <alignment horizontal="center" vertical="center" textRotation="255" wrapText="1"/>
    </xf>
    <xf numFmtId="176" fontId="4" fillId="0" borderId="11" xfId="1" applyNumberFormat="1" applyFont="1" applyFill="1" applyBorder="1" applyAlignment="1">
      <alignment vertical="top"/>
    </xf>
    <xf numFmtId="180" fontId="4" fillId="0" borderId="2" xfId="0" applyNumberFormat="1" applyFont="1" applyBorder="1" applyAlignment="1">
      <alignment vertical="center"/>
    </xf>
    <xf numFmtId="180" fontId="4" fillId="0" borderId="2" xfId="0" applyNumberFormat="1" applyFont="1" applyBorder="1" applyAlignment="1">
      <alignment vertical="top"/>
    </xf>
    <xf numFmtId="0" fontId="4" fillId="0" borderId="21" xfId="0" applyFont="1" applyBorder="1" applyAlignment="1">
      <alignment vertical="center"/>
    </xf>
    <xf numFmtId="176" fontId="4" fillId="0" borderId="0" xfId="1" applyNumberFormat="1" applyFont="1" applyFill="1" applyAlignment="1">
      <alignment vertical="top"/>
    </xf>
    <xf numFmtId="0" fontId="4" fillId="0" borderId="2" xfId="0" applyFont="1" applyBorder="1" applyAlignment="1">
      <alignment vertical="center"/>
    </xf>
    <xf numFmtId="0" fontId="4" fillId="0" borderId="3" xfId="0" applyFont="1" applyBorder="1" applyAlignment="1">
      <alignment horizontal="center" vertical="center"/>
    </xf>
    <xf numFmtId="176" fontId="4" fillId="0" borderId="0" xfId="1" applyNumberFormat="1" applyFont="1" applyFill="1" applyAlignment="1"/>
    <xf numFmtId="181" fontId="11" fillId="0" borderId="21" xfId="0" applyNumberFormat="1" applyFont="1" applyBorder="1" applyAlignment="1">
      <alignment horizontal="right"/>
    </xf>
    <xf numFmtId="176" fontId="4" fillId="0" borderId="28" xfId="0" applyNumberFormat="1" applyFont="1" applyBorder="1"/>
    <xf numFmtId="181" fontId="4" fillId="0" borderId="29" xfId="0" applyNumberFormat="1" applyFont="1" applyBorder="1"/>
    <xf numFmtId="181" fontId="4" fillId="0" borderId="21" xfId="0" applyNumberFormat="1" applyFont="1" applyBorder="1"/>
    <xf numFmtId="0" fontId="4" fillId="0" borderId="18" xfId="0" applyFont="1" applyBorder="1"/>
    <xf numFmtId="0" fontId="4" fillId="0" borderId="25" xfId="0" applyFont="1" applyBorder="1"/>
    <xf numFmtId="0" fontId="8" fillId="0" borderId="15" xfId="0" applyFont="1" applyBorder="1" applyAlignment="1">
      <alignment vertical="top" wrapText="1"/>
    </xf>
    <xf numFmtId="0" fontId="4" fillId="0" borderId="23" xfId="0" applyFont="1" applyBorder="1"/>
    <xf numFmtId="176" fontId="4" fillId="0" borderId="23" xfId="0" applyNumberFormat="1" applyFont="1" applyBorder="1" applyAlignment="1">
      <alignment horizontal="right"/>
    </xf>
    <xf numFmtId="176" fontId="4" fillId="0" borderId="24" xfId="0" applyNumberFormat="1" applyFont="1" applyBorder="1" applyAlignment="1">
      <alignment horizontal="right"/>
    </xf>
    <xf numFmtId="0" fontId="11" fillId="0" borderId="27" xfId="0" applyFont="1" applyBorder="1"/>
    <xf numFmtId="182" fontId="4" fillId="0" borderId="27" xfId="0" applyNumberFormat="1" applyFont="1" applyBorder="1"/>
    <xf numFmtId="0" fontId="8" fillId="0" borderId="0" xfId="0" applyFont="1" applyAlignment="1">
      <alignment horizontal="left"/>
    </xf>
    <xf numFmtId="0" fontId="4" fillId="0" borderId="0" xfId="0" quotePrefix="1" applyFont="1" applyAlignment="1">
      <alignment horizontal="right"/>
    </xf>
    <xf numFmtId="176" fontId="4" fillId="0" borderId="21" xfId="0" applyNumberFormat="1" applyFont="1" applyBorder="1"/>
    <xf numFmtId="0" fontId="4" fillId="0" borderId="15" xfId="0" quotePrefix="1" applyFont="1" applyBorder="1" applyAlignment="1">
      <alignment horizontal="center"/>
    </xf>
    <xf numFmtId="0" fontId="4" fillId="0" borderId="27" xfId="0" quotePrefix="1" applyFont="1" applyBorder="1" applyAlignment="1">
      <alignment horizontal="right"/>
    </xf>
    <xf numFmtId="176" fontId="4" fillId="0" borderId="29" xfId="0" applyNumberFormat="1" applyFont="1" applyBorder="1"/>
    <xf numFmtId="0" fontId="2" fillId="0" borderId="0" xfId="0" applyFont="1" applyAlignment="1">
      <alignment horizontal="center" vertical="center"/>
    </xf>
    <xf numFmtId="0" fontId="4" fillId="0" borderId="32" xfId="0" applyFont="1" applyBorder="1" applyAlignment="1">
      <alignment horizontal="center" vertical="center" textRotation="255"/>
    </xf>
    <xf numFmtId="0" fontId="4" fillId="0" borderId="33" xfId="0" applyFont="1" applyBorder="1" applyAlignment="1">
      <alignment horizontal="center" vertical="center"/>
    </xf>
    <xf numFmtId="0" fontId="4" fillId="0" borderId="34" xfId="0" applyFont="1" applyBorder="1" applyAlignment="1">
      <alignment horizontal="center" vertical="center" textRotation="255"/>
    </xf>
    <xf numFmtId="0" fontId="4" fillId="0" borderId="18" xfId="0" applyFont="1" applyBorder="1" applyAlignment="1">
      <alignment horizontal="center" vertical="center" textRotation="255"/>
    </xf>
    <xf numFmtId="0" fontId="4" fillId="0" borderId="11" xfId="0" applyFont="1" applyBorder="1" applyAlignment="1">
      <alignment horizontal="center" vertical="center" textRotation="255"/>
    </xf>
    <xf numFmtId="0" fontId="4" fillId="0" borderId="11" xfId="0" applyFont="1" applyBorder="1" applyAlignment="1">
      <alignment horizontal="center" vertical="center" textRotation="255" wrapText="1"/>
    </xf>
    <xf numFmtId="176" fontId="4" fillId="0" borderId="11" xfId="6" applyNumberFormat="1" applyFont="1" applyFill="1" applyBorder="1" applyAlignment="1"/>
    <xf numFmtId="0" fontId="4" fillId="0" borderId="11" xfId="0" applyFont="1" applyBorder="1" applyAlignment="1">
      <alignment horizontal="center"/>
    </xf>
    <xf numFmtId="0" fontId="4" fillId="0" borderId="28" xfId="0" applyFont="1" applyBorder="1" applyAlignment="1">
      <alignment horizontal="center" vertical="center" textRotation="255"/>
    </xf>
    <xf numFmtId="0" fontId="4" fillId="0" borderId="27" xfId="0" applyFont="1" applyBorder="1" applyAlignment="1">
      <alignment horizontal="center" vertical="center"/>
    </xf>
    <xf numFmtId="176" fontId="4" fillId="0" borderId="28" xfId="6" applyNumberFormat="1" applyFont="1" applyFill="1" applyBorder="1" applyAlignment="1">
      <alignment horizontal="center"/>
    </xf>
    <xf numFmtId="176" fontId="4" fillId="0" borderId="27" xfId="1" applyNumberFormat="1" applyFont="1" applyFill="1" applyBorder="1" applyAlignment="1">
      <alignment horizontal="center"/>
    </xf>
    <xf numFmtId="0" fontId="4" fillId="0" borderId="27" xfId="0" applyFont="1" applyBorder="1" applyAlignment="1">
      <alignment horizontal="center"/>
    </xf>
    <xf numFmtId="182" fontId="4" fillId="0" borderId="29" xfId="0" applyNumberFormat="1" applyFont="1" applyBorder="1" applyAlignment="1">
      <alignment horizontal="center"/>
    </xf>
    <xf numFmtId="0" fontId="4" fillId="0" borderId="8" xfId="0" applyFont="1" applyBorder="1" applyAlignment="1">
      <alignment horizontal="center" vertical="center" textRotation="255"/>
    </xf>
    <xf numFmtId="0" fontId="4" fillId="0" borderId="23" xfId="0" applyFont="1" applyBorder="1" applyAlignment="1">
      <alignment horizontal="center" vertical="center"/>
    </xf>
    <xf numFmtId="176" fontId="4" fillId="0" borderId="8" xfId="6" applyNumberFormat="1" applyFont="1" applyFill="1" applyBorder="1" applyAlignment="1">
      <alignment horizontal="center"/>
    </xf>
    <xf numFmtId="176" fontId="4" fillId="0" borderId="23" xfId="1" applyNumberFormat="1" applyFont="1" applyFill="1" applyBorder="1" applyAlignment="1">
      <alignment horizontal="center"/>
    </xf>
    <xf numFmtId="0" fontId="4" fillId="0" borderId="23" xfId="0" applyFont="1" applyBorder="1" applyAlignment="1">
      <alignment horizontal="center"/>
    </xf>
    <xf numFmtId="182" fontId="4" fillId="0" borderId="24" xfId="0" applyNumberFormat="1" applyFont="1" applyBorder="1" applyAlignment="1">
      <alignment horizontal="center"/>
    </xf>
    <xf numFmtId="0" fontId="4" fillId="0" borderId="11" xfId="0" applyFont="1" applyBorder="1" applyAlignment="1">
      <alignment horizontal="center" vertical="center" wrapText="1"/>
    </xf>
    <xf numFmtId="0" fontId="4" fillId="0" borderId="0" xfId="2" applyFont="1" applyAlignment="1">
      <alignment vertical="top"/>
    </xf>
    <xf numFmtId="0" fontId="4" fillId="0" borderId="0" xfId="0" applyFont="1" applyAlignment="1">
      <alignment horizontal="left" vertical="top"/>
    </xf>
    <xf numFmtId="176" fontId="4" fillId="0" borderId="18" xfId="1" applyNumberFormat="1" applyFont="1" applyFill="1" applyBorder="1" applyAlignment="1">
      <alignment horizontal="center"/>
    </xf>
    <xf numFmtId="176" fontId="4" fillId="0" borderId="15" xfId="1" applyNumberFormat="1" applyFont="1" applyFill="1" applyBorder="1" applyAlignment="1">
      <alignment horizontal="center"/>
    </xf>
    <xf numFmtId="179" fontId="4" fillId="0" borderId="15" xfId="0" applyNumberFormat="1" applyFont="1" applyBorder="1"/>
    <xf numFmtId="182" fontId="4" fillId="0" borderId="25" xfId="0" applyNumberFormat="1" applyFont="1" applyBorder="1" applyAlignment="1">
      <alignment horizontal="center"/>
    </xf>
    <xf numFmtId="176" fontId="4" fillId="0" borderId="0" xfId="1" applyNumberFormat="1" applyFont="1" applyFill="1" applyBorder="1" applyAlignment="1">
      <alignment horizontal="center"/>
    </xf>
    <xf numFmtId="182" fontId="4" fillId="0" borderId="0" xfId="0" applyNumberFormat="1" applyFont="1" applyAlignment="1">
      <alignment horizontal="center"/>
    </xf>
    <xf numFmtId="0" fontId="4" fillId="0" borderId="20" xfId="0" applyFont="1" applyBorder="1" applyAlignment="1">
      <alignment horizontal="center" vertical="center" textRotation="255"/>
    </xf>
    <xf numFmtId="179" fontId="4" fillId="0" borderId="2" xfId="0" applyNumberFormat="1" applyFont="1" applyBorder="1"/>
    <xf numFmtId="182" fontId="4" fillId="0" borderId="3" xfId="0" applyNumberFormat="1" applyFont="1" applyBorder="1" applyAlignment="1">
      <alignment horizontal="center"/>
    </xf>
    <xf numFmtId="179" fontId="4" fillId="0" borderId="27" xfId="0" applyNumberFormat="1" applyFont="1" applyBorder="1" applyAlignment="1">
      <alignment horizontal="center"/>
    </xf>
    <xf numFmtId="179" fontId="4" fillId="0" borderId="23" xfId="0" applyNumberFormat="1" applyFont="1" applyBorder="1" applyAlignment="1">
      <alignment horizontal="center"/>
    </xf>
    <xf numFmtId="176" fontId="4" fillId="0" borderId="11" xfId="6" applyNumberFormat="1" applyFont="1" applyFill="1" applyBorder="1" applyAlignment="1">
      <alignment horizontal="center"/>
    </xf>
    <xf numFmtId="179" fontId="4" fillId="0" borderId="15" xfId="0" applyNumberFormat="1" applyFont="1" applyBorder="1" applyAlignment="1">
      <alignment horizontal="center"/>
    </xf>
    <xf numFmtId="0" fontId="4" fillId="0" borderId="2" xfId="0" applyFont="1" applyBorder="1" applyAlignment="1">
      <alignment horizontal="center" vertical="center" textRotation="255" wrapText="1"/>
    </xf>
    <xf numFmtId="179" fontId="4" fillId="0" borderId="2" xfId="0" applyNumberFormat="1" applyFont="1" applyBorder="1" applyAlignment="1">
      <alignment horizontal="center"/>
    </xf>
    <xf numFmtId="182" fontId="4" fillId="0" borderId="2" xfId="0" applyNumberFormat="1" applyFont="1" applyBorder="1" applyAlignment="1">
      <alignment horizontal="center"/>
    </xf>
    <xf numFmtId="179" fontId="4" fillId="0" borderId="0" xfId="0" applyNumberFormat="1" applyFont="1" applyAlignment="1">
      <alignment horizontal="center"/>
    </xf>
    <xf numFmtId="0" fontId="4" fillId="0" borderId="28" xfId="0" applyFont="1" applyBorder="1" applyAlignment="1">
      <alignment horizontal="center" vertical="center" textRotation="255" wrapText="1"/>
    </xf>
    <xf numFmtId="0" fontId="4" fillId="0" borderId="27" xfId="0" applyFont="1" applyBorder="1" applyAlignment="1">
      <alignment vertical="top"/>
    </xf>
    <xf numFmtId="176" fontId="4" fillId="0" borderId="28" xfId="6" applyNumberFormat="1" applyFont="1" applyFill="1" applyBorder="1" applyAlignment="1">
      <alignment vertical="top"/>
    </xf>
    <xf numFmtId="176" fontId="4" fillId="0" borderId="27" xfId="1" applyNumberFormat="1" applyFont="1" applyFill="1" applyBorder="1" applyAlignment="1">
      <alignment vertical="top"/>
    </xf>
    <xf numFmtId="176" fontId="4" fillId="0" borderId="27" xfId="0" applyNumberFormat="1" applyFont="1" applyBorder="1" applyAlignment="1">
      <alignment vertical="top"/>
    </xf>
    <xf numFmtId="181" fontId="4" fillId="0" borderId="27" xfId="0" applyNumberFormat="1" applyFont="1" applyBorder="1" applyAlignment="1">
      <alignment vertical="top"/>
    </xf>
    <xf numFmtId="179" fontId="4" fillId="0" borderId="27" xfId="0" applyNumberFormat="1" applyFont="1" applyBorder="1" applyAlignment="1">
      <alignment vertical="top"/>
    </xf>
    <xf numFmtId="177" fontId="4" fillId="0" borderId="29" xfId="0" applyNumberFormat="1" applyFont="1" applyBorder="1" applyAlignment="1">
      <alignment vertical="top"/>
    </xf>
    <xf numFmtId="0" fontId="4" fillId="0" borderId="31" xfId="0" applyFont="1" applyBorder="1" applyAlignment="1">
      <alignment vertical="top"/>
    </xf>
    <xf numFmtId="176" fontId="4" fillId="0" borderId="8" xfId="6" applyNumberFormat="1" applyFont="1" applyFill="1" applyBorder="1" applyAlignment="1">
      <alignment vertical="top"/>
    </xf>
    <xf numFmtId="176" fontId="4" fillId="0" borderId="23" xfId="1" applyNumberFormat="1" applyFont="1" applyFill="1" applyBorder="1" applyAlignment="1">
      <alignment vertical="top"/>
    </xf>
    <xf numFmtId="176" fontId="4" fillId="0" borderId="23" xfId="0" applyNumberFormat="1" applyFont="1" applyBorder="1" applyAlignment="1">
      <alignment vertical="top"/>
    </xf>
    <xf numFmtId="181" fontId="4" fillId="0" borderId="23" xfId="0" applyNumberFormat="1" applyFont="1" applyBorder="1" applyAlignment="1">
      <alignment vertical="top"/>
    </xf>
    <xf numFmtId="179" fontId="4" fillId="0" borderId="23" xfId="0" applyNumberFormat="1" applyFont="1" applyBorder="1" applyAlignment="1">
      <alignment vertical="top"/>
    </xf>
    <xf numFmtId="177" fontId="4" fillId="0" borderId="24" xfId="0" applyNumberFormat="1" applyFont="1" applyBorder="1" applyAlignment="1">
      <alignment vertical="top"/>
    </xf>
    <xf numFmtId="0" fontId="11" fillId="0" borderId="0" xfId="0" applyFont="1" applyAlignment="1">
      <alignment horizontal="centerContinuous" vertical="center"/>
    </xf>
    <xf numFmtId="0" fontId="11" fillId="0" borderId="13" xfId="0" applyFont="1" applyBorder="1" applyAlignment="1">
      <alignment horizontal="centerContinuous" vertical="center"/>
    </xf>
    <xf numFmtId="176" fontId="11" fillId="0" borderId="11" xfId="6" applyNumberFormat="1" applyFont="1" applyFill="1" applyBorder="1" applyAlignment="1">
      <alignment vertical="center"/>
    </xf>
    <xf numFmtId="176" fontId="11" fillId="0" borderId="0" xfId="1" applyNumberFormat="1" applyFont="1" applyFill="1" applyAlignment="1">
      <alignment vertical="center"/>
    </xf>
    <xf numFmtId="176" fontId="11" fillId="0" borderId="0" xfId="0" applyNumberFormat="1" applyFont="1" applyAlignment="1">
      <alignment vertical="center"/>
    </xf>
    <xf numFmtId="0" fontId="11" fillId="0" borderId="0" xfId="0" applyFont="1" applyAlignment="1">
      <alignment vertical="center"/>
    </xf>
    <xf numFmtId="181" fontId="11" fillId="0" borderId="0" xfId="0" applyNumberFormat="1" applyFont="1" applyAlignment="1">
      <alignment vertical="center"/>
    </xf>
    <xf numFmtId="179" fontId="11" fillId="0" borderId="0" xfId="0" applyNumberFormat="1" applyFont="1" applyAlignment="1">
      <alignment vertical="top"/>
    </xf>
    <xf numFmtId="182" fontId="11" fillId="0" borderId="21" xfId="0" applyNumberFormat="1" applyFont="1" applyBorder="1" applyAlignment="1">
      <alignment vertical="center"/>
    </xf>
    <xf numFmtId="0" fontId="4" fillId="0" borderId="4" xfId="0" applyFont="1" applyBorder="1" applyAlignment="1">
      <alignment horizontal="center" vertical="center" textRotation="255" wrapText="1"/>
    </xf>
    <xf numFmtId="0" fontId="4" fillId="0" borderId="16" xfId="0" applyFont="1" applyBorder="1" applyAlignment="1">
      <alignment vertical="top"/>
    </xf>
    <xf numFmtId="177" fontId="4" fillId="0" borderId="25" xfId="0" applyNumberFormat="1" applyFont="1" applyBorder="1" applyAlignment="1">
      <alignment vertical="top"/>
    </xf>
    <xf numFmtId="56" fontId="4" fillId="0" borderId="30" xfId="0" applyNumberFormat="1" applyFont="1" applyBorder="1" applyAlignment="1">
      <alignment horizontal="centerContinuous" vertical="center"/>
    </xf>
    <xf numFmtId="0" fontId="9" fillId="0" borderId="32" xfId="2" applyFont="1" applyBorder="1" applyAlignment="1">
      <alignment vertical="distributed" textRotation="255" wrapText="1"/>
    </xf>
    <xf numFmtId="0" fontId="9" fillId="0" borderId="20" xfId="2" applyFont="1" applyBorder="1" applyAlignment="1">
      <alignment horizontal="center" vertical="center" wrapText="1"/>
    </xf>
    <xf numFmtId="0" fontId="4" fillId="0" borderId="2" xfId="2" applyFont="1" applyBorder="1" applyAlignment="1">
      <alignment horizontal="center" vertical="center"/>
    </xf>
    <xf numFmtId="0" fontId="4" fillId="0" borderId="2" xfId="2" applyFont="1" applyBorder="1" applyAlignment="1">
      <alignment vertical="center"/>
    </xf>
    <xf numFmtId="0" fontId="4" fillId="0" borderId="0" xfId="2" applyFont="1" applyAlignment="1">
      <alignment vertical="center"/>
    </xf>
    <xf numFmtId="176" fontId="4" fillId="0" borderId="2" xfId="2" applyNumberFormat="1" applyFont="1" applyBorder="1" applyAlignment="1">
      <alignment vertical="center"/>
    </xf>
    <xf numFmtId="176" fontId="4" fillId="0" borderId="3" xfId="2" applyNumberFormat="1" applyFont="1" applyBorder="1" applyAlignment="1">
      <alignment horizontal="center" vertical="center"/>
    </xf>
    <xf numFmtId="0" fontId="9" fillId="0" borderId="11" xfId="2" applyFont="1" applyBorder="1" applyAlignment="1">
      <alignment horizontal="center" vertical="center" wrapText="1"/>
    </xf>
    <xf numFmtId="0" fontId="4" fillId="0" borderId="0" xfId="2" applyFont="1" applyAlignment="1">
      <alignment horizontal="left" vertical="center"/>
    </xf>
    <xf numFmtId="181" fontId="4" fillId="0" borderId="0" xfId="2" applyNumberFormat="1" applyFont="1"/>
    <xf numFmtId="180" fontId="4" fillId="0" borderId="0" xfId="2" applyNumberFormat="1" applyFont="1"/>
    <xf numFmtId="180" fontId="4" fillId="0" borderId="21" xfId="2" applyNumberFormat="1" applyFont="1" applyBorder="1"/>
    <xf numFmtId="0" fontId="11" fillId="0" borderId="0" xfId="0" applyFont="1" applyAlignment="1">
      <alignment horizontal="center" vertical="center"/>
    </xf>
    <xf numFmtId="176" fontId="11" fillId="0" borderId="11" xfId="1" applyNumberFormat="1" applyFont="1" applyFill="1" applyBorder="1" applyAlignment="1"/>
    <xf numFmtId="176" fontId="11" fillId="0" borderId="0" xfId="1" applyNumberFormat="1" applyFont="1" applyFill="1" applyAlignment="1"/>
    <xf numFmtId="181" fontId="11" fillId="0" borderId="0" xfId="0" applyNumberFormat="1" applyFont="1"/>
    <xf numFmtId="179" fontId="11" fillId="0" borderId="0" xfId="0" applyNumberFormat="1" applyFont="1"/>
    <xf numFmtId="0" fontId="9" fillId="0" borderId="35" xfId="2" applyFont="1" applyBorder="1" applyAlignment="1">
      <alignment vertical="distributed" textRotation="255" wrapText="1"/>
    </xf>
    <xf numFmtId="0" fontId="9" fillId="0" borderId="28" xfId="2" applyFont="1" applyBorder="1" applyAlignment="1">
      <alignment horizontal="center" vertical="center" wrapText="1"/>
    </xf>
    <xf numFmtId="0" fontId="4" fillId="0" borderId="27" xfId="2" applyFont="1" applyBorder="1" applyAlignment="1">
      <alignment horizontal="center" vertical="center"/>
    </xf>
    <xf numFmtId="176" fontId="4" fillId="0" borderId="28" xfId="1" applyNumberFormat="1" applyFont="1" applyFill="1" applyBorder="1" applyAlignment="1">
      <alignment horizontal="center"/>
    </xf>
    <xf numFmtId="0" fontId="4" fillId="0" borderId="27" xfId="2" applyFont="1" applyBorder="1"/>
    <xf numFmtId="176" fontId="4" fillId="0" borderId="27" xfId="2" applyNumberFormat="1" applyFont="1" applyBorder="1"/>
    <xf numFmtId="176" fontId="4" fillId="0" borderId="29" xfId="2" applyNumberFormat="1" applyFont="1" applyBorder="1" applyAlignment="1">
      <alignment horizontal="center"/>
    </xf>
    <xf numFmtId="0" fontId="9" fillId="0" borderId="11" xfId="0" applyFont="1" applyBorder="1" applyAlignment="1">
      <alignment horizontal="center" vertical="center" wrapText="1"/>
    </xf>
    <xf numFmtId="176" fontId="4" fillId="0" borderId="11" xfId="1" applyNumberFormat="1" applyFont="1" applyFill="1" applyBorder="1" applyAlignment="1">
      <alignment horizontal="center" vertical="center"/>
    </xf>
    <xf numFmtId="181" fontId="4" fillId="0" borderId="0" xfId="0" applyNumberFormat="1" applyFont="1" applyAlignment="1">
      <alignment vertical="center"/>
    </xf>
    <xf numFmtId="179" fontId="4" fillId="0" borderId="0" xfId="0" applyNumberFormat="1" applyFont="1" applyAlignment="1">
      <alignment vertical="center"/>
    </xf>
    <xf numFmtId="182" fontId="4" fillId="0" borderId="21" xfId="0" applyNumberFormat="1" applyFont="1" applyBorder="1" applyAlignment="1">
      <alignment horizontal="center" vertical="center"/>
    </xf>
    <xf numFmtId="176" fontId="4" fillId="0" borderId="8" xfId="1" applyNumberFormat="1" applyFont="1" applyFill="1" applyBorder="1" applyAlignment="1">
      <alignment vertical="top"/>
    </xf>
    <xf numFmtId="176" fontId="11" fillId="0" borderId="11" xfId="1" applyNumberFormat="1" applyFont="1" applyFill="1" applyBorder="1" applyAlignment="1">
      <alignment vertical="center"/>
    </xf>
    <xf numFmtId="0" fontId="11" fillId="0" borderId="0" xfId="0" quotePrefix="1" applyFont="1" applyAlignment="1">
      <alignment horizontal="right" vertical="center"/>
    </xf>
    <xf numFmtId="177" fontId="4" fillId="0" borderId="21" xfId="0" applyNumberFormat="1" applyFont="1" applyBorder="1" applyAlignment="1">
      <alignment vertical="top"/>
    </xf>
    <xf numFmtId="181" fontId="4" fillId="0" borderId="2" xfId="0" applyNumberFormat="1" applyFont="1" applyBorder="1" applyAlignment="1">
      <alignment vertical="center"/>
    </xf>
    <xf numFmtId="179" fontId="4" fillId="0" borderId="2" xfId="0" applyNumberFormat="1" applyFont="1" applyBorder="1" applyAlignment="1">
      <alignment vertical="center"/>
    </xf>
    <xf numFmtId="182" fontId="4" fillId="0" borderId="3" xfId="0" applyNumberFormat="1" applyFont="1" applyBorder="1" applyAlignment="1">
      <alignment horizontal="center" vertical="center"/>
    </xf>
    <xf numFmtId="176" fontId="4" fillId="0" borderId="18" xfId="1" applyNumberFormat="1" applyFont="1" applyFill="1" applyBorder="1" applyAlignment="1">
      <alignment horizontal="center" vertical="center"/>
    </xf>
    <xf numFmtId="176" fontId="4" fillId="0" borderId="15" xfId="1" applyNumberFormat="1" applyFont="1" applyFill="1" applyBorder="1" applyAlignment="1">
      <alignment horizontal="center" vertical="center"/>
    </xf>
    <xf numFmtId="0" fontId="4" fillId="0" borderId="15" xfId="0" applyFont="1" applyBorder="1" applyAlignment="1">
      <alignment vertical="center"/>
    </xf>
    <xf numFmtId="0" fontId="4" fillId="0" borderId="25" xfId="0" applyFont="1" applyBorder="1" applyAlignment="1">
      <alignment horizontal="center" vertical="center"/>
    </xf>
    <xf numFmtId="0" fontId="8" fillId="0" borderId="2" xfId="0" applyFont="1" applyBorder="1" applyAlignment="1">
      <alignment shrinkToFit="1"/>
    </xf>
    <xf numFmtId="0" fontId="0" fillId="0" borderId="0" xfId="0" applyAlignment="1">
      <alignment horizontal="left" vertical="center"/>
    </xf>
    <xf numFmtId="176" fontId="4" fillId="0" borderId="2" xfId="0" applyNumberFormat="1" applyFont="1" applyBorder="1"/>
    <xf numFmtId="0" fontId="4" fillId="0" borderId="3" xfId="0" applyFont="1" applyBorder="1"/>
    <xf numFmtId="0" fontId="4" fillId="0" borderId="20" xfId="0" applyFont="1" applyBorder="1"/>
    <xf numFmtId="0" fontId="4" fillId="0" borderId="21" xfId="0" applyFont="1" applyBorder="1"/>
    <xf numFmtId="0" fontId="4" fillId="0" borderId="0" xfId="0" applyFont="1" applyAlignment="1">
      <alignment horizontal="right"/>
    </xf>
    <xf numFmtId="0" fontId="11" fillId="0" borderId="0" xfId="0" applyFont="1" applyAlignment="1">
      <alignment horizontal="centerContinuous"/>
    </xf>
    <xf numFmtId="0" fontId="11" fillId="0" borderId="15" xfId="0" applyFont="1" applyBorder="1" applyAlignment="1">
      <alignment horizontal="centerContinuous"/>
    </xf>
    <xf numFmtId="6" fontId="8" fillId="0" borderId="0" xfId="7" applyFont="1" applyFill="1" applyAlignment="1"/>
    <xf numFmtId="0" fontId="4" fillId="0" borderId="32" xfId="0" applyFont="1" applyBorder="1" applyAlignment="1">
      <alignment horizontal="center" vertical="center" textRotation="255" wrapText="1"/>
    </xf>
    <xf numFmtId="0" fontId="4" fillId="0" borderId="33" xfId="0" applyFont="1" applyBorder="1" applyAlignment="1">
      <alignment horizontal="center" vertical="center" textRotation="255" wrapText="1"/>
    </xf>
    <xf numFmtId="0" fontId="4" fillId="0" borderId="35" xfId="0" applyFont="1" applyBorder="1" applyAlignment="1">
      <alignment horizontal="center" vertical="center" textRotation="255" wrapText="1"/>
    </xf>
    <xf numFmtId="0" fontId="4" fillId="0" borderId="33" xfId="0" applyFont="1" applyBorder="1" applyAlignment="1">
      <alignment horizontal="center" vertical="center" textRotation="255"/>
    </xf>
    <xf numFmtId="0" fontId="4" fillId="0" borderId="35" xfId="0" applyFont="1" applyBorder="1" applyAlignment="1">
      <alignment horizontal="center" vertical="center" textRotation="255"/>
    </xf>
    <xf numFmtId="0" fontId="4" fillId="0" borderId="36" xfId="0" applyFont="1" applyBorder="1" applyAlignment="1">
      <alignment horizontal="center" vertical="center" textRotation="255" wrapText="1"/>
    </xf>
    <xf numFmtId="0" fontId="4" fillId="0" borderId="34" xfId="0" applyFont="1" applyBorder="1" applyAlignment="1">
      <alignment horizontal="center" vertical="center" textRotation="255" wrapText="1"/>
    </xf>
    <xf numFmtId="0" fontId="18" fillId="0" borderId="0" xfId="0" applyFont="1" applyAlignment="1">
      <alignment horizontal="left" vertical="center" wrapText="1"/>
    </xf>
    <xf numFmtId="0" fontId="19" fillId="0" borderId="0" xfId="0" applyFont="1" applyAlignment="1">
      <alignment horizontal="center" vertical="center" wrapText="1"/>
    </xf>
    <xf numFmtId="0" fontId="4" fillId="0" borderId="32" xfId="0" applyFont="1" applyBorder="1" applyAlignment="1">
      <alignment horizontal="center" vertical="distributed" textRotation="255" wrapText="1" justifyLastLine="1"/>
    </xf>
    <xf numFmtId="0" fontId="4" fillId="0" borderId="33" xfId="0" applyFont="1" applyBorder="1" applyAlignment="1">
      <alignment horizontal="center" vertical="distributed" textRotation="255" wrapText="1" justifyLastLine="1"/>
    </xf>
    <xf numFmtId="0" fontId="4" fillId="0" borderId="35" xfId="0" applyFont="1" applyBorder="1" applyAlignment="1">
      <alignment horizontal="center" vertical="distributed" textRotation="255" wrapText="1" justifyLastLine="1"/>
    </xf>
    <xf numFmtId="0" fontId="4" fillId="0" borderId="36" xfId="0" applyFont="1" applyBorder="1" applyAlignment="1">
      <alignment horizontal="center" vertical="distributed" textRotation="255" wrapText="1" justifyLastLine="1"/>
    </xf>
    <xf numFmtId="0" fontId="11" fillId="0" borderId="0" xfId="0" applyFont="1" applyAlignment="1">
      <alignment horizontal="center"/>
    </xf>
    <xf numFmtId="0" fontId="11" fillId="0" borderId="13" xfId="0" applyFont="1" applyBorder="1" applyAlignment="1">
      <alignment horizontal="center"/>
    </xf>
    <xf numFmtId="0" fontId="8" fillId="0" borderId="2" xfId="0" applyFont="1" applyBorder="1" applyAlignment="1">
      <alignment horizontal="left" vertical="top" wrapText="1"/>
    </xf>
    <xf numFmtId="0" fontId="8" fillId="0" borderId="2" xfId="0" applyFont="1" applyBorder="1" applyAlignment="1">
      <alignment horizontal="left" shrinkToFit="1"/>
    </xf>
    <xf numFmtId="0" fontId="11" fillId="0" borderId="0" xfId="0" applyFont="1" applyAlignment="1">
      <alignment horizontal="center" vertical="center"/>
    </xf>
    <xf numFmtId="0" fontId="11" fillId="0" borderId="13" xfId="0" applyFont="1" applyBorder="1" applyAlignment="1">
      <alignment horizontal="center" vertical="center"/>
    </xf>
    <xf numFmtId="0" fontId="10" fillId="0" borderId="13" xfId="0" applyFont="1" applyBorder="1" applyAlignment="1">
      <alignment horizontal="left" wrapText="1"/>
    </xf>
    <xf numFmtId="0" fontId="4" fillId="0" borderId="0" xfId="0" applyFont="1" applyAlignment="1">
      <alignment horizontal="left" shrinkToFit="1"/>
    </xf>
  </cellXfs>
  <cellStyles count="8">
    <cellStyle name="桁区切り" xfId="1" builtinId="6"/>
    <cellStyle name="桁区切り 2" xfId="6" xr:uid="{89008B9C-ED22-415A-8D47-C08BCCC09AF1}"/>
    <cellStyle name="通貨 2" xfId="7" xr:uid="{AC68E27E-FF65-4B74-AFE8-3C9DDFD1980E}"/>
    <cellStyle name="標準" xfId="0" builtinId="0"/>
    <cellStyle name="標準_H21後期志願変更（全）" xfId="5" xr:uid="{A0B582DA-2612-4479-8182-015090BC682C}"/>
    <cellStyle name="標準_H22後期志願枠組み（定）" xfId="3" xr:uid="{18D90233-43E4-48B5-A0C7-1472038E3A72}"/>
    <cellStyle name="標準_H22後期枠組み" xfId="2" xr:uid="{88440EC7-B9C0-47FF-B910-FEB13C2763E6}"/>
    <cellStyle name="標準_H22前期枠組み" xfId="4" xr:uid="{50135E9E-9683-494E-B724-AACEADAA40DC}"/>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oneCellAnchor>
    <xdr:from>
      <xdr:col>12</xdr:col>
      <xdr:colOff>371475</xdr:colOff>
      <xdr:row>0</xdr:row>
      <xdr:rowOff>44450</xdr:rowOff>
    </xdr:from>
    <xdr:ext cx="700433" cy="285750"/>
    <xdr:sp macro="" textlink="">
      <xdr:nvSpPr>
        <xdr:cNvPr id="2" name="テキスト ボックス 1">
          <a:extLst>
            <a:ext uri="{FF2B5EF4-FFF2-40B4-BE49-F238E27FC236}">
              <a16:creationId xmlns:a16="http://schemas.microsoft.com/office/drawing/2014/main" id="{84B120C2-E4CF-4316-B944-4780AB7807D9}"/>
            </a:ext>
          </a:extLst>
        </xdr:cNvPr>
        <xdr:cNvSpPr txBox="1"/>
      </xdr:nvSpPr>
      <xdr:spPr>
        <a:xfrm>
          <a:off x="7172325" y="44450"/>
          <a:ext cx="700433" cy="285750"/>
        </a:xfrm>
        <a:prstGeom prst="rect">
          <a:avLst/>
        </a:prstGeom>
        <a:no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pPr algn="ctr"/>
          <a:r>
            <a:rPr kumimoji="1" lang="ja-JP" altLang="en-US" sz="1200">
              <a:latin typeface="ＭＳ Ｐ明朝" panose="02020600040205080304" pitchFamily="18" charset="-128"/>
              <a:ea typeface="ＭＳ Ｐ明朝" panose="02020600040205080304" pitchFamily="18" charset="-128"/>
            </a:rPr>
            <a:t>別紙４</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19F785-B0D9-423E-AF0C-09534F241259}">
  <sheetPr>
    <pageSetUpPr autoPageBreaks="0" fitToPage="1"/>
  </sheetPr>
  <dimension ref="A1:N166"/>
  <sheetViews>
    <sheetView tabSelected="1" view="pageBreakPreview" zoomScale="85" zoomScaleNormal="85" zoomScaleSheetLayoutView="85" workbookViewId="0">
      <selection sqref="A1:L1"/>
    </sheetView>
  </sheetViews>
  <sheetFormatPr defaultColWidth="9" defaultRowHeight="13.5" x14ac:dyDescent="0.15"/>
  <cols>
    <col min="1" max="1" width="1.625" style="76" customWidth="1"/>
    <col min="2" max="2" width="4.125" style="85" customWidth="1"/>
    <col min="3" max="3" width="1.5" style="85" customWidth="1"/>
    <col min="4" max="4" width="18.125" style="76" customWidth="1"/>
    <col min="5" max="5" width="10.375" style="241" bestFit="1" customWidth="1"/>
    <col min="6" max="6" width="9" style="241" customWidth="1"/>
    <col min="7" max="7" width="9" style="242" customWidth="1"/>
    <col min="8" max="8" width="7.125" style="242" bestFit="1" customWidth="1"/>
    <col min="9" max="9" width="5.375" style="242" customWidth="1"/>
    <col min="10" max="10" width="5" style="242" bestFit="1" customWidth="1"/>
    <col min="11" max="11" width="8.875" style="242" bestFit="1" customWidth="1"/>
    <col min="12" max="12" width="9.125" style="242" bestFit="1" customWidth="1"/>
    <col min="13" max="13" width="9.875" style="242" bestFit="1" customWidth="1"/>
    <col min="14" max="14" width="8.375" style="76" customWidth="1"/>
    <col min="15" max="16384" width="9" style="76"/>
  </cols>
  <sheetData>
    <row r="1" spans="1:14" ht="36.950000000000003" customHeight="1" x14ac:dyDescent="0.15">
      <c r="A1" s="413" t="s">
        <v>327</v>
      </c>
      <c r="B1" s="413"/>
      <c r="C1" s="413"/>
      <c r="D1" s="413"/>
      <c r="E1" s="413"/>
      <c r="F1" s="413"/>
      <c r="G1" s="413"/>
      <c r="H1" s="413"/>
      <c r="I1" s="413"/>
      <c r="J1" s="413"/>
      <c r="K1" s="413"/>
      <c r="L1" s="413"/>
      <c r="M1" s="414"/>
      <c r="N1" s="414"/>
    </row>
    <row r="2" spans="1:14" ht="15" customHeight="1" x14ac:dyDescent="0.15">
      <c r="B2" s="1" t="s">
        <v>328</v>
      </c>
      <c r="C2" s="1"/>
    </row>
    <row r="3" spans="1:14" ht="7.5" customHeight="1" x14ac:dyDescent="0.15">
      <c r="B3" s="287"/>
      <c r="C3" s="287"/>
    </row>
    <row r="4" spans="1:14" x14ac:dyDescent="0.15">
      <c r="B4" s="76" t="s">
        <v>329</v>
      </c>
      <c r="C4" s="76"/>
    </row>
    <row r="5" spans="1:14" ht="7.5" customHeight="1" x14ac:dyDescent="0.15">
      <c r="B5" s="288"/>
      <c r="C5" s="244"/>
      <c r="D5" s="245"/>
      <c r="E5" s="246"/>
      <c r="F5" s="246"/>
      <c r="G5" s="266"/>
      <c r="H5" s="266"/>
      <c r="I5" s="245"/>
      <c r="J5" s="245"/>
      <c r="K5" s="245"/>
      <c r="L5" s="266"/>
      <c r="M5" s="266"/>
      <c r="N5" s="267"/>
    </row>
    <row r="6" spans="1:14" ht="17.25" customHeight="1" x14ac:dyDescent="0.15">
      <c r="B6" s="289" t="s">
        <v>330</v>
      </c>
      <c r="E6" s="16"/>
      <c r="F6" s="17"/>
      <c r="G6" s="18" t="s">
        <v>2</v>
      </c>
      <c r="H6" s="18"/>
      <c r="I6" s="189"/>
      <c r="J6" s="190"/>
      <c r="K6" s="191"/>
      <c r="L6" s="19" t="s">
        <v>123</v>
      </c>
      <c r="M6" s="20"/>
      <c r="N6" s="21"/>
    </row>
    <row r="7" spans="1:14" ht="14.25" customHeight="1" x14ac:dyDescent="0.15">
      <c r="B7" s="289"/>
      <c r="D7" s="76" t="s">
        <v>4</v>
      </c>
      <c r="E7" s="22" t="s">
        <v>6</v>
      </c>
      <c r="F7" s="22" t="s">
        <v>7</v>
      </c>
      <c r="G7" s="23" t="s">
        <v>127</v>
      </c>
      <c r="H7" s="24" t="s">
        <v>9</v>
      </c>
      <c r="I7" s="128" t="s">
        <v>10</v>
      </c>
      <c r="J7" s="29"/>
      <c r="K7" s="29"/>
      <c r="L7" s="25" t="s">
        <v>11</v>
      </c>
      <c r="M7" s="24" t="s">
        <v>12</v>
      </c>
      <c r="N7" s="26" t="s">
        <v>129</v>
      </c>
    </row>
    <row r="8" spans="1:14" ht="14.25" customHeight="1" x14ac:dyDescent="0.15">
      <c r="B8" s="289" t="s">
        <v>331</v>
      </c>
      <c r="D8" s="85"/>
      <c r="E8" s="30"/>
      <c r="F8" s="30" t="s">
        <v>14</v>
      </c>
      <c r="G8" s="31" t="s">
        <v>15</v>
      </c>
      <c r="H8" s="31" t="s">
        <v>16</v>
      </c>
      <c r="I8" s="128" t="s">
        <v>145</v>
      </c>
      <c r="J8" s="129"/>
      <c r="K8" s="130"/>
      <c r="L8" s="24" t="s">
        <v>132</v>
      </c>
      <c r="M8" s="32" t="s">
        <v>19</v>
      </c>
      <c r="N8" s="26"/>
    </row>
    <row r="9" spans="1:14" ht="7.5" customHeight="1" x14ac:dyDescent="0.15">
      <c r="B9" s="290"/>
      <c r="C9" s="291"/>
      <c r="D9" s="192"/>
      <c r="E9" s="37"/>
      <c r="F9" s="37"/>
      <c r="G9" s="38"/>
      <c r="H9" s="39"/>
      <c r="I9" s="40"/>
      <c r="J9" s="192"/>
      <c r="K9" s="193"/>
      <c r="L9" s="38"/>
      <c r="M9" s="39"/>
      <c r="N9" s="41"/>
    </row>
    <row r="10" spans="1:14" ht="7.5" customHeight="1" x14ac:dyDescent="0.15">
      <c r="B10" s="415" t="s">
        <v>332</v>
      </c>
      <c r="C10" s="292"/>
      <c r="D10" s="85"/>
      <c r="E10" s="83"/>
      <c r="F10" s="246"/>
      <c r="G10" s="266"/>
      <c r="H10" s="266"/>
      <c r="I10" s="245"/>
      <c r="J10" s="245"/>
      <c r="K10" s="245"/>
      <c r="L10" s="266"/>
      <c r="M10" s="266"/>
      <c r="N10" s="267"/>
    </row>
    <row r="11" spans="1:14" ht="14.25" customHeight="1" x14ac:dyDescent="0.15">
      <c r="B11" s="416"/>
      <c r="C11" s="293"/>
      <c r="D11" s="2" t="s">
        <v>333</v>
      </c>
      <c r="E11" s="294">
        <v>318</v>
      </c>
      <c r="F11" s="268">
        <v>373</v>
      </c>
      <c r="G11" s="8">
        <v>373</v>
      </c>
      <c r="H11" s="8">
        <v>0</v>
      </c>
      <c r="I11" s="8"/>
      <c r="J11" s="8"/>
      <c r="K11" s="8">
        <v>318</v>
      </c>
      <c r="L11" s="8">
        <v>1</v>
      </c>
      <c r="M11" s="123">
        <v>1.17</v>
      </c>
      <c r="N11" s="135">
        <v>0</v>
      </c>
    </row>
    <row r="12" spans="1:14" ht="14.25" customHeight="1" x14ac:dyDescent="0.15">
      <c r="B12" s="416"/>
      <c r="C12" s="295"/>
      <c r="D12" s="2" t="s">
        <v>334</v>
      </c>
      <c r="E12" s="294">
        <v>359</v>
      </c>
      <c r="F12" s="268">
        <v>714</v>
      </c>
      <c r="G12" s="8">
        <v>712</v>
      </c>
      <c r="H12" s="8">
        <v>2</v>
      </c>
      <c r="I12" s="8"/>
      <c r="J12" s="8"/>
      <c r="K12" s="8">
        <v>359</v>
      </c>
      <c r="L12" s="8">
        <v>22</v>
      </c>
      <c r="M12" s="123">
        <v>1.93</v>
      </c>
      <c r="N12" s="135">
        <v>0</v>
      </c>
    </row>
    <row r="13" spans="1:14" ht="14.25" customHeight="1" x14ac:dyDescent="0.15">
      <c r="B13" s="416"/>
      <c r="C13" s="293"/>
      <c r="D13" s="2" t="s">
        <v>335</v>
      </c>
      <c r="E13" s="294">
        <v>238</v>
      </c>
      <c r="F13" s="268">
        <v>271</v>
      </c>
      <c r="G13" s="8">
        <v>270</v>
      </c>
      <c r="H13" s="8">
        <v>1</v>
      </c>
      <c r="I13" s="8"/>
      <c r="J13" s="8"/>
      <c r="K13" s="8">
        <v>238</v>
      </c>
      <c r="L13" s="8">
        <v>2</v>
      </c>
      <c r="M13" s="123">
        <v>1.1299999999999999</v>
      </c>
      <c r="N13" s="135">
        <v>0</v>
      </c>
    </row>
    <row r="14" spans="1:14" ht="14.25" customHeight="1" x14ac:dyDescent="0.15">
      <c r="B14" s="416"/>
      <c r="C14" s="295"/>
      <c r="D14" s="2" t="s">
        <v>336</v>
      </c>
      <c r="E14" s="294">
        <v>358</v>
      </c>
      <c r="F14" s="268">
        <v>464</v>
      </c>
      <c r="G14" s="8">
        <v>463</v>
      </c>
      <c r="H14" s="8">
        <v>1</v>
      </c>
      <c r="I14" s="8"/>
      <c r="J14" s="8"/>
      <c r="K14" s="8">
        <v>358</v>
      </c>
      <c r="L14" s="8">
        <v>3</v>
      </c>
      <c r="M14" s="123">
        <v>1.29</v>
      </c>
      <c r="N14" s="135">
        <v>0</v>
      </c>
    </row>
    <row r="15" spans="1:14" ht="14.25" customHeight="1" x14ac:dyDescent="0.15">
      <c r="B15" s="416"/>
      <c r="C15" s="295"/>
      <c r="D15" s="2" t="s">
        <v>337</v>
      </c>
      <c r="E15" s="294">
        <v>398</v>
      </c>
      <c r="F15" s="268">
        <v>439</v>
      </c>
      <c r="G15" s="8">
        <v>438</v>
      </c>
      <c r="H15" s="8">
        <v>1</v>
      </c>
      <c r="I15" s="8"/>
      <c r="J15" s="8"/>
      <c r="K15" s="8">
        <v>398</v>
      </c>
      <c r="L15" s="8">
        <v>6</v>
      </c>
      <c r="M15" s="123">
        <v>1.0900000000000001</v>
      </c>
      <c r="N15" s="135">
        <v>0</v>
      </c>
    </row>
    <row r="16" spans="1:14" ht="14.25" customHeight="1" x14ac:dyDescent="0.15">
      <c r="B16" s="416"/>
      <c r="C16" s="295"/>
      <c r="D16" s="2" t="s">
        <v>338</v>
      </c>
      <c r="E16" s="294">
        <v>318</v>
      </c>
      <c r="F16" s="268">
        <v>423</v>
      </c>
      <c r="G16" s="8">
        <v>423</v>
      </c>
      <c r="H16" s="8">
        <v>0</v>
      </c>
      <c r="I16" s="8"/>
      <c r="J16" s="8"/>
      <c r="K16" s="8">
        <v>318</v>
      </c>
      <c r="L16" s="8">
        <v>3</v>
      </c>
      <c r="M16" s="123">
        <v>1.32</v>
      </c>
      <c r="N16" s="135">
        <v>0</v>
      </c>
    </row>
    <row r="17" spans="2:14" ht="14.25" customHeight="1" x14ac:dyDescent="0.15">
      <c r="B17" s="416"/>
      <c r="C17" s="295"/>
      <c r="D17" s="2" t="s">
        <v>339</v>
      </c>
      <c r="E17" s="294">
        <v>318</v>
      </c>
      <c r="F17" s="268">
        <v>331</v>
      </c>
      <c r="G17" s="8">
        <v>331</v>
      </c>
      <c r="H17" s="8">
        <v>0</v>
      </c>
      <c r="I17" s="8"/>
      <c r="J17" s="8"/>
      <c r="K17" s="8">
        <v>318</v>
      </c>
      <c r="L17" s="8">
        <v>4</v>
      </c>
      <c r="M17" s="123">
        <v>1.03</v>
      </c>
      <c r="N17" s="135">
        <v>0</v>
      </c>
    </row>
    <row r="18" spans="2:14" ht="14.25" customHeight="1" x14ac:dyDescent="0.15">
      <c r="B18" s="416"/>
      <c r="C18" s="295"/>
      <c r="D18" s="2" t="s">
        <v>322</v>
      </c>
      <c r="E18" s="294">
        <v>238</v>
      </c>
      <c r="F18" s="268">
        <v>222</v>
      </c>
      <c r="G18" s="8">
        <v>218</v>
      </c>
      <c r="H18" s="8">
        <v>4</v>
      </c>
      <c r="I18" s="8"/>
      <c r="J18" s="8"/>
      <c r="K18" s="8">
        <v>221</v>
      </c>
      <c r="L18" s="8">
        <v>1</v>
      </c>
      <c r="M18" s="123">
        <v>1</v>
      </c>
      <c r="N18" s="135">
        <v>17</v>
      </c>
    </row>
    <row r="19" spans="2:14" ht="14.25" customHeight="1" x14ac:dyDescent="0.15">
      <c r="B19" s="416"/>
      <c r="C19" s="295"/>
      <c r="D19" s="2" t="s">
        <v>340</v>
      </c>
      <c r="E19" s="294">
        <v>398</v>
      </c>
      <c r="F19" s="268">
        <v>501</v>
      </c>
      <c r="G19" s="8">
        <v>500</v>
      </c>
      <c r="H19" s="8">
        <v>1</v>
      </c>
      <c r="I19" s="8"/>
      <c r="J19" s="8"/>
      <c r="K19" s="8">
        <v>398</v>
      </c>
      <c r="L19" s="8">
        <v>5</v>
      </c>
      <c r="M19" s="123">
        <v>1.25</v>
      </c>
      <c r="N19" s="135">
        <v>0</v>
      </c>
    </row>
    <row r="20" spans="2:14" ht="14.25" customHeight="1" x14ac:dyDescent="0.15">
      <c r="B20" s="416"/>
      <c r="C20" s="295"/>
      <c r="D20" s="2" t="s">
        <v>341</v>
      </c>
      <c r="E20" s="294">
        <v>358</v>
      </c>
      <c r="F20" s="268">
        <v>426</v>
      </c>
      <c r="G20" s="8">
        <v>425</v>
      </c>
      <c r="H20" s="8">
        <v>1</v>
      </c>
      <c r="I20" s="8"/>
      <c r="J20" s="8"/>
      <c r="K20" s="8">
        <v>358</v>
      </c>
      <c r="L20" s="8">
        <v>1</v>
      </c>
      <c r="M20" s="123">
        <v>1.19</v>
      </c>
      <c r="N20" s="135">
        <v>0</v>
      </c>
    </row>
    <row r="21" spans="2:14" ht="14.25" customHeight="1" x14ac:dyDescent="0.15">
      <c r="B21" s="416"/>
      <c r="C21" s="295"/>
      <c r="D21" s="2" t="s">
        <v>342</v>
      </c>
      <c r="E21" s="294">
        <v>359</v>
      </c>
      <c r="F21" s="268">
        <v>434</v>
      </c>
      <c r="G21" s="8">
        <v>433</v>
      </c>
      <c r="H21" s="8">
        <v>1</v>
      </c>
      <c r="I21" s="8"/>
      <c r="J21" s="8"/>
      <c r="K21" s="8">
        <v>359</v>
      </c>
      <c r="L21" s="8">
        <v>5</v>
      </c>
      <c r="M21" s="123">
        <v>1.19</v>
      </c>
      <c r="N21" s="135">
        <v>0</v>
      </c>
    </row>
    <row r="22" spans="2:14" ht="14.25" customHeight="1" x14ac:dyDescent="0.15">
      <c r="B22" s="416"/>
      <c r="C22" s="295"/>
      <c r="D22" s="2" t="s">
        <v>343</v>
      </c>
      <c r="E22" s="294">
        <v>398</v>
      </c>
      <c r="F22" s="268">
        <v>459</v>
      </c>
      <c r="G22" s="8">
        <v>457</v>
      </c>
      <c r="H22" s="8">
        <v>2</v>
      </c>
      <c r="I22" s="8"/>
      <c r="J22" s="8"/>
      <c r="K22" s="8">
        <v>398</v>
      </c>
      <c r="L22" s="8">
        <v>5</v>
      </c>
      <c r="M22" s="123">
        <v>1.1399999999999999</v>
      </c>
      <c r="N22" s="135">
        <v>0</v>
      </c>
    </row>
    <row r="23" spans="2:14" ht="14.25" customHeight="1" x14ac:dyDescent="0.15">
      <c r="B23" s="416"/>
      <c r="C23" s="295"/>
      <c r="D23" s="2" t="s">
        <v>344</v>
      </c>
      <c r="E23" s="294">
        <v>346</v>
      </c>
      <c r="F23" s="268">
        <v>351</v>
      </c>
      <c r="G23" s="8">
        <v>348</v>
      </c>
      <c r="H23" s="8">
        <v>3</v>
      </c>
      <c r="I23" s="8"/>
      <c r="J23" s="8"/>
      <c r="K23" s="8">
        <v>346</v>
      </c>
      <c r="L23" s="8">
        <v>1</v>
      </c>
      <c r="M23" s="123">
        <v>1.01</v>
      </c>
      <c r="N23" s="135">
        <v>0</v>
      </c>
    </row>
    <row r="24" spans="2:14" ht="7.5" customHeight="1" x14ac:dyDescent="0.15">
      <c r="B24" s="417"/>
      <c r="C24" s="296"/>
      <c r="D24" s="297"/>
      <c r="E24" s="298"/>
      <c r="F24" s="299"/>
      <c r="G24" s="176"/>
      <c r="H24" s="176"/>
      <c r="I24" s="300"/>
      <c r="J24" s="300"/>
      <c r="K24" s="300"/>
      <c r="L24" s="300"/>
      <c r="M24" s="181"/>
      <c r="N24" s="301"/>
    </row>
    <row r="25" spans="2:14" ht="7.5" customHeight="1" x14ac:dyDescent="0.15">
      <c r="B25" s="418" t="s">
        <v>345</v>
      </c>
      <c r="C25" s="302"/>
      <c r="D25" s="303"/>
      <c r="E25" s="304"/>
      <c r="F25" s="305"/>
      <c r="G25" s="276"/>
      <c r="H25" s="276"/>
      <c r="I25" s="306"/>
      <c r="J25" s="306"/>
      <c r="K25" s="306"/>
      <c r="L25" s="306"/>
      <c r="M25" s="125"/>
      <c r="N25" s="307"/>
    </row>
    <row r="26" spans="2:14" ht="14.25" customHeight="1" x14ac:dyDescent="0.15">
      <c r="B26" s="416"/>
      <c r="C26" s="308"/>
      <c r="D26" s="2" t="s">
        <v>133</v>
      </c>
      <c r="E26" s="294">
        <v>359</v>
      </c>
      <c r="F26" s="268">
        <v>516</v>
      </c>
      <c r="G26" s="8">
        <v>515</v>
      </c>
      <c r="H26" s="8">
        <v>1</v>
      </c>
      <c r="I26" s="8"/>
      <c r="J26" s="8"/>
      <c r="K26" s="8">
        <v>359</v>
      </c>
      <c r="L26" s="8">
        <v>5</v>
      </c>
      <c r="M26" s="123">
        <v>1.42</v>
      </c>
      <c r="N26" s="135">
        <v>0</v>
      </c>
    </row>
    <row r="27" spans="2:14" ht="14.25" customHeight="1" x14ac:dyDescent="0.15">
      <c r="B27" s="416"/>
      <c r="C27" s="308"/>
      <c r="D27" s="2" t="s">
        <v>309</v>
      </c>
      <c r="E27" s="294">
        <v>118</v>
      </c>
      <c r="F27" s="268">
        <v>92</v>
      </c>
      <c r="G27" s="8">
        <v>91</v>
      </c>
      <c r="H27" s="8">
        <v>1</v>
      </c>
      <c r="I27" s="8"/>
      <c r="J27" s="8"/>
      <c r="K27" s="8">
        <v>91</v>
      </c>
      <c r="L27" s="8">
        <v>1</v>
      </c>
      <c r="M27" s="123">
        <v>1</v>
      </c>
      <c r="N27" s="135">
        <v>27</v>
      </c>
    </row>
    <row r="28" spans="2:14" ht="14.25" customHeight="1" x14ac:dyDescent="0.15">
      <c r="B28" s="416"/>
      <c r="C28" s="308"/>
      <c r="D28" s="2" t="s">
        <v>346</v>
      </c>
      <c r="E28" s="294">
        <v>318</v>
      </c>
      <c r="F28" s="268">
        <v>322</v>
      </c>
      <c r="G28" s="8">
        <v>321</v>
      </c>
      <c r="H28" s="8">
        <v>1</v>
      </c>
      <c r="I28" s="8"/>
      <c r="J28" s="8"/>
      <c r="K28" s="8">
        <v>318</v>
      </c>
      <c r="L28" s="8">
        <v>1</v>
      </c>
      <c r="M28" s="123">
        <v>1.01</v>
      </c>
      <c r="N28" s="135">
        <v>0</v>
      </c>
    </row>
    <row r="29" spans="2:14" ht="14.25" customHeight="1" x14ac:dyDescent="0.15">
      <c r="B29" s="416"/>
      <c r="C29" s="308"/>
      <c r="D29" s="2" t="s">
        <v>347</v>
      </c>
      <c r="E29" s="294">
        <v>318</v>
      </c>
      <c r="F29" s="268">
        <v>406</v>
      </c>
      <c r="G29" s="8">
        <v>406</v>
      </c>
      <c r="H29" s="8">
        <v>0</v>
      </c>
      <c r="I29" s="8"/>
      <c r="J29" s="8"/>
      <c r="K29" s="8">
        <v>318</v>
      </c>
      <c r="L29" s="8">
        <v>1</v>
      </c>
      <c r="M29" s="123">
        <v>1.27</v>
      </c>
      <c r="N29" s="135">
        <v>0</v>
      </c>
    </row>
    <row r="30" spans="2:14" ht="14.25" customHeight="1" x14ac:dyDescent="0.15">
      <c r="B30" s="416"/>
      <c r="C30" s="308"/>
      <c r="D30" s="309" t="s">
        <v>348</v>
      </c>
      <c r="E30" s="294">
        <v>318</v>
      </c>
      <c r="F30" s="268">
        <v>373</v>
      </c>
      <c r="G30" s="8">
        <v>372</v>
      </c>
      <c r="H30" s="8">
        <v>1</v>
      </c>
      <c r="I30" s="8"/>
      <c r="J30" s="8"/>
      <c r="K30" s="8">
        <v>318</v>
      </c>
      <c r="L30" s="8">
        <v>1</v>
      </c>
      <c r="M30" s="123">
        <v>1.17</v>
      </c>
      <c r="N30" s="135">
        <v>0</v>
      </c>
    </row>
    <row r="31" spans="2:14" ht="14.25" customHeight="1" x14ac:dyDescent="0.15">
      <c r="B31" s="416"/>
      <c r="C31" s="308"/>
      <c r="D31" s="2" t="s">
        <v>349</v>
      </c>
      <c r="E31" s="294">
        <v>319</v>
      </c>
      <c r="F31" s="268">
        <v>434</v>
      </c>
      <c r="G31" s="8">
        <v>431</v>
      </c>
      <c r="H31" s="8">
        <v>3</v>
      </c>
      <c r="I31" s="8"/>
      <c r="J31" s="8"/>
      <c r="K31" s="8">
        <v>319</v>
      </c>
      <c r="L31" s="8">
        <v>5</v>
      </c>
      <c r="M31" s="123">
        <v>1.34</v>
      </c>
      <c r="N31" s="135">
        <v>0</v>
      </c>
    </row>
    <row r="32" spans="2:14" ht="14.25" customHeight="1" x14ac:dyDescent="0.15">
      <c r="B32" s="416"/>
      <c r="C32" s="308"/>
      <c r="D32" s="2" t="s">
        <v>251</v>
      </c>
      <c r="E32" s="294">
        <v>279</v>
      </c>
      <c r="F32" s="268">
        <v>377</v>
      </c>
      <c r="G32" s="8">
        <v>375</v>
      </c>
      <c r="H32" s="8">
        <v>2</v>
      </c>
      <c r="I32" s="8"/>
      <c r="J32" s="8"/>
      <c r="K32" s="8">
        <v>279</v>
      </c>
      <c r="L32" s="8">
        <v>4</v>
      </c>
      <c r="M32" s="123">
        <v>1.34</v>
      </c>
      <c r="N32" s="135">
        <v>0</v>
      </c>
    </row>
    <row r="33" spans="2:14" ht="14.25" customHeight="1" x14ac:dyDescent="0.15">
      <c r="B33" s="416"/>
      <c r="C33" s="308"/>
      <c r="D33" s="2" t="s">
        <v>350</v>
      </c>
      <c r="E33" s="294">
        <v>238</v>
      </c>
      <c r="F33" s="268">
        <v>246</v>
      </c>
      <c r="G33" s="8">
        <v>245</v>
      </c>
      <c r="H33" s="8">
        <v>1</v>
      </c>
      <c r="I33" s="8"/>
      <c r="J33" s="8"/>
      <c r="K33" s="8">
        <v>238</v>
      </c>
      <c r="L33" s="8">
        <v>1</v>
      </c>
      <c r="M33" s="123">
        <v>1.03</v>
      </c>
      <c r="N33" s="135">
        <v>0</v>
      </c>
    </row>
    <row r="34" spans="2:14" ht="14.25" customHeight="1" x14ac:dyDescent="0.15">
      <c r="B34" s="416"/>
      <c r="C34" s="308"/>
      <c r="D34" s="2" t="s">
        <v>351</v>
      </c>
      <c r="E34" s="294">
        <v>358</v>
      </c>
      <c r="F34" s="268">
        <v>358</v>
      </c>
      <c r="G34" s="8">
        <v>358</v>
      </c>
      <c r="H34" s="8">
        <v>0</v>
      </c>
      <c r="I34" s="8"/>
      <c r="J34" s="8"/>
      <c r="K34" s="8">
        <v>356</v>
      </c>
      <c r="L34" s="8">
        <v>2</v>
      </c>
      <c r="M34" s="123">
        <v>1</v>
      </c>
      <c r="N34" s="135">
        <v>2</v>
      </c>
    </row>
    <row r="35" spans="2:14" ht="14.25" customHeight="1" x14ac:dyDescent="0.15">
      <c r="B35" s="416"/>
      <c r="C35" s="308"/>
      <c r="D35" s="2" t="s">
        <v>324</v>
      </c>
      <c r="E35" s="294">
        <v>238</v>
      </c>
      <c r="F35" s="268">
        <v>241</v>
      </c>
      <c r="G35" s="8">
        <v>241</v>
      </c>
      <c r="H35" s="8">
        <v>0</v>
      </c>
      <c r="I35" s="8"/>
      <c r="J35" s="8"/>
      <c r="K35" s="8">
        <v>238</v>
      </c>
      <c r="L35" s="8">
        <v>2</v>
      </c>
      <c r="M35" s="123">
        <v>1</v>
      </c>
      <c r="N35" s="135">
        <v>0</v>
      </c>
    </row>
    <row r="36" spans="2:14" ht="14.25" customHeight="1" x14ac:dyDescent="0.15">
      <c r="B36" s="416"/>
      <c r="C36" s="308"/>
      <c r="D36" s="2" t="s">
        <v>352</v>
      </c>
      <c r="E36" s="294">
        <v>318</v>
      </c>
      <c r="F36" s="268">
        <v>353</v>
      </c>
      <c r="G36" s="8">
        <v>352</v>
      </c>
      <c r="H36" s="8">
        <v>1</v>
      </c>
      <c r="I36" s="8"/>
      <c r="J36" s="8"/>
      <c r="K36" s="8">
        <v>318</v>
      </c>
      <c r="L36" s="8">
        <v>1</v>
      </c>
      <c r="M36" s="123">
        <v>1.1100000000000001</v>
      </c>
      <c r="N36" s="135">
        <v>0</v>
      </c>
    </row>
    <row r="37" spans="2:14" ht="7.5" customHeight="1" x14ac:dyDescent="0.15">
      <c r="B37" s="417"/>
      <c r="C37" s="296"/>
      <c r="D37" s="297"/>
      <c r="E37" s="298"/>
      <c r="F37" s="299"/>
      <c r="G37" s="176"/>
      <c r="H37" s="176"/>
      <c r="I37" s="300"/>
      <c r="J37" s="300"/>
      <c r="K37" s="300"/>
      <c r="L37" s="300"/>
      <c r="M37" s="181"/>
      <c r="N37" s="301"/>
    </row>
    <row r="38" spans="2:14" ht="7.5" customHeight="1" x14ac:dyDescent="0.15">
      <c r="B38" s="416" t="s">
        <v>353</v>
      </c>
      <c r="C38" s="302"/>
      <c r="D38" s="303"/>
      <c r="E38" s="304"/>
      <c r="F38" s="305"/>
      <c r="G38" s="276"/>
      <c r="H38" s="276"/>
      <c r="I38" s="306"/>
      <c r="J38" s="306"/>
      <c r="K38" s="306"/>
      <c r="L38" s="306"/>
      <c r="M38" s="125"/>
      <c r="N38" s="307"/>
    </row>
    <row r="39" spans="2:14" ht="14.25" customHeight="1" x14ac:dyDescent="0.15">
      <c r="B39" s="416"/>
      <c r="C39" s="308"/>
      <c r="D39" s="2" t="s">
        <v>354</v>
      </c>
      <c r="E39" s="294">
        <v>238</v>
      </c>
      <c r="F39" s="268">
        <v>267</v>
      </c>
      <c r="G39" s="8">
        <v>267</v>
      </c>
      <c r="H39" s="8">
        <v>0</v>
      </c>
      <c r="I39" s="8"/>
      <c r="J39" s="8"/>
      <c r="K39" s="8">
        <v>238</v>
      </c>
      <c r="L39" s="8">
        <v>2</v>
      </c>
      <c r="M39" s="123">
        <v>1.1100000000000001</v>
      </c>
      <c r="N39" s="135">
        <v>0</v>
      </c>
    </row>
    <row r="40" spans="2:14" ht="14.25" customHeight="1" x14ac:dyDescent="0.15">
      <c r="B40" s="416"/>
      <c r="C40" s="308"/>
      <c r="D40" s="2" t="s">
        <v>355</v>
      </c>
      <c r="E40" s="294">
        <v>319</v>
      </c>
      <c r="F40" s="268">
        <v>490</v>
      </c>
      <c r="G40" s="8">
        <v>486</v>
      </c>
      <c r="H40" s="8">
        <v>4</v>
      </c>
      <c r="I40" s="8"/>
      <c r="J40" s="8"/>
      <c r="K40" s="8">
        <v>319</v>
      </c>
      <c r="L40" s="8">
        <v>6</v>
      </c>
      <c r="M40" s="123">
        <v>1.52</v>
      </c>
      <c r="N40" s="135">
        <v>0</v>
      </c>
    </row>
    <row r="41" spans="2:14" ht="14.25" customHeight="1" x14ac:dyDescent="0.15">
      <c r="B41" s="416"/>
      <c r="C41" s="308"/>
      <c r="D41" s="2" t="s">
        <v>356</v>
      </c>
      <c r="E41" s="294">
        <v>279</v>
      </c>
      <c r="F41" s="268">
        <v>426</v>
      </c>
      <c r="G41" s="8">
        <v>425</v>
      </c>
      <c r="H41" s="8">
        <v>1</v>
      </c>
      <c r="I41" s="8"/>
      <c r="J41" s="8"/>
      <c r="K41" s="8">
        <v>279</v>
      </c>
      <c r="L41" s="8">
        <v>1</v>
      </c>
      <c r="M41" s="123">
        <v>1.52</v>
      </c>
      <c r="N41" s="135">
        <v>0</v>
      </c>
    </row>
    <row r="42" spans="2:14" ht="14.25" customHeight="1" x14ac:dyDescent="0.15">
      <c r="B42" s="416"/>
      <c r="C42" s="308"/>
      <c r="D42" s="2" t="s">
        <v>357</v>
      </c>
      <c r="E42" s="294">
        <v>278</v>
      </c>
      <c r="F42" s="268">
        <v>330</v>
      </c>
      <c r="G42" s="8">
        <v>327</v>
      </c>
      <c r="H42" s="8">
        <v>3</v>
      </c>
      <c r="I42" s="8"/>
      <c r="J42" s="8"/>
      <c r="K42" s="8">
        <v>279</v>
      </c>
      <c r="L42" s="8">
        <v>2</v>
      </c>
      <c r="M42" s="123">
        <v>1.18</v>
      </c>
      <c r="N42" s="135">
        <v>0</v>
      </c>
    </row>
    <row r="43" spans="2:14" ht="14.25" customHeight="1" x14ac:dyDescent="0.15">
      <c r="B43" s="416"/>
      <c r="C43" s="308"/>
      <c r="D43" s="2" t="s">
        <v>358</v>
      </c>
      <c r="E43" s="294">
        <v>358</v>
      </c>
      <c r="F43" s="268">
        <v>424</v>
      </c>
      <c r="G43" s="8">
        <v>423</v>
      </c>
      <c r="H43" s="8">
        <v>1</v>
      </c>
      <c r="I43" s="8"/>
      <c r="J43" s="8"/>
      <c r="K43" s="8">
        <v>358</v>
      </c>
      <c r="L43" s="8">
        <v>3</v>
      </c>
      <c r="M43" s="123">
        <v>1.18</v>
      </c>
      <c r="N43" s="135">
        <v>0</v>
      </c>
    </row>
    <row r="44" spans="2:14" ht="7.5" customHeight="1" x14ac:dyDescent="0.15">
      <c r="B44" s="416"/>
      <c r="C44" s="296"/>
      <c r="D44" s="297"/>
      <c r="E44" s="298"/>
      <c r="F44" s="299"/>
      <c r="G44" s="176"/>
      <c r="H44" s="176"/>
      <c r="I44" s="300"/>
      <c r="J44" s="300"/>
      <c r="K44" s="300"/>
      <c r="L44" s="300"/>
      <c r="M44" s="181"/>
      <c r="N44" s="301"/>
    </row>
    <row r="45" spans="2:14" ht="7.5" customHeight="1" x14ac:dyDescent="0.15">
      <c r="B45" s="411" t="s">
        <v>359</v>
      </c>
      <c r="C45" s="302"/>
      <c r="D45" s="303"/>
      <c r="E45" s="304"/>
      <c r="F45" s="305"/>
      <c r="G45" s="276"/>
      <c r="H45" s="276"/>
      <c r="I45" s="306"/>
      <c r="J45" s="306"/>
      <c r="K45" s="306"/>
      <c r="L45" s="306"/>
      <c r="M45" s="125"/>
      <c r="N45" s="307"/>
    </row>
    <row r="46" spans="2:14" ht="14.25" customHeight="1" x14ac:dyDescent="0.15">
      <c r="B46" s="407"/>
      <c r="C46" s="308"/>
      <c r="D46" s="2" t="s">
        <v>27</v>
      </c>
      <c r="E46" s="294">
        <v>268</v>
      </c>
      <c r="F46" s="268">
        <v>423</v>
      </c>
      <c r="G46" s="8">
        <v>422</v>
      </c>
      <c r="H46" s="8">
        <v>1</v>
      </c>
      <c r="I46" s="8"/>
      <c r="J46" s="8"/>
      <c r="K46" s="8">
        <v>268</v>
      </c>
      <c r="L46" s="8">
        <v>7</v>
      </c>
      <c r="M46" s="123">
        <v>1.55</v>
      </c>
      <c r="N46" s="135">
        <v>0</v>
      </c>
    </row>
    <row r="47" spans="2:14" ht="14.25" customHeight="1" x14ac:dyDescent="0.15">
      <c r="B47" s="407"/>
      <c r="C47" s="308"/>
      <c r="D47" s="2" t="s">
        <v>360</v>
      </c>
      <c r="E47" s="294">
        <v>358</v>
      </c>
      <c r="F47" s="268">
        <v>434</v>
      </c>
      <c r="G47" s="8">
        <v>429</v>
      </c>
      <c r="H47" s="8">
        <v>5</v>
      </c>
      <c r="I47" s="8"/>
      <c r="J47" s="8"/>
      <c r="K47" s="8">
        <v>358</v>
      </c>
      <c r="L47" s="8">
        <v>4</v>
      </c>
      <c r="M47" s="123">
        <v>1.2</v>
      </c>
      <c r="N47" s="135">
        <v>0</v>
      </c>
    </row>
    <row r="48" spans="2:14" ht="14.25" customHeight="1" x14ac:dyDescent="0.15">
      <c r="B48" s="407"/>
      <c r="C48" s="308"/>
      <c r="D48" s="310" t="s">
        <v>361</v>
      </c>
      <c r="E48" s="294">
        <v>278</v>
      </c>
      <c r="F48" s="268">
        <v>251</v>
      </c>
      <c r="G48" s="8">
        <v>251</v>
      </c>
      <c r="H48" s="8">
        <v>0</v>
      </c>
      <c r="I48" s="8"/>
      <c r="J48" s="8"/>
      <c r="K48" s="8">
        <v>251</v>
      </c>
      <c r="L48" s="8">
        <v>0</v>
      </c>
      <c r="M48" s="123">
        <v>1</v>
      </c>
      <c r="N48" s="135">
        <v>27</v>
      </c>
    </row>
    <row r="49" spans="2:14" ht="14.25" customHeight="1" x14ac:dyDescent="0.15">
      <c r="B49" s="407"/>
      <c r="C49" s="308"/>
      <c r="D49" s="310" t="s">
        <v>362</v>
      </c>
      <c r="E49" s="294">
        <v>279</v>
      </c>
      <c r="F49" s="268">
        <v>466</v>
      </c>
      <c r="G49" s="8">
        <v>466</v>
      </c>
      <c r="H49" s="8">
        <v>0</v>
      </c>
      <c r="I49" s="8"/>
      <c r="J49" s="8"/>
      <c r="K49" s="8">
        <v>279</v>
      </c>
      <c r="L49" s="8">
        <v>9</v>
      </c>
      <c r="M49" s="123">
        <v>1.64</v>
      </c>
      <c r="N49" s="135">
        <v>0</v>
      </c>
    </row>
    <row r="50" spans="2:14" ht="14.25" customHeight="1" x14ac:dyDescent="0.15">
      <c r="B50" s="407"/>
      <c r="C50" s="308"/>
      <c r="D50" s="2" t="s">
        <v>363</v>
      </c>
      <c r="E50" s="294">
        <v>398</v>
      </c>
      <c r="F50" s="268">
        <v>446</v>
      </c>
      <c r="G50" s="8">
        <v>444</v>
      </c>
      <c r="H50" s="8">
        <v>2</v>
      </c>
      <c r="I50" s="8"/>
      <c r="J50" s="8"/>
      <c r="K50" s="8">
        <v>398</v>
      </c>
      <c r="L50" s="8">
        <v>4</v>
      </c>
      <c r="M50" s="123">
        <v>1.1100000000000001</v>
      </c>
      <c r="N50" s="135">
        <v>0</v>
      </c>
    </row>
    <row r="51" spans="2:14" ht="14.25" customHeight="1" x14ac:dyDescent="0.15">
      <c r="B51" s="407"/>
      <c r="C51" s="308"/>
      <c r="D51" s="2" t="s">
        <v>364</v>
      </c>
      <c r="E51" s="294">
        <v>398</v>
      </c>
      <c r="F51" s="268">
        <v>381</v>
      </c>
      <c r="G51" s="8">
        <v>380</v>
      </c>
      <c r="H51" s="8">
        <v>1</v>
      </c>
      <c r="I51" s="8"/>
      <c r="J51" s="8"/>
      <c r="K51" s="8">
        <v>378</v>
      </c>
      <c r="L51" s="8">
        <v>3</v>
      </c>
      <c r="M51" s="123">
        <v>1</v>
      </c>
      <c r="N51" s="135">
        <v>20</v>
      </c>
    </row>
    <row r="52" spans="2:14" ht="14.25" customHeight="1" x14ac:dyDescent="0.15">
      <c r="B52" s="407"/>
      <c r="C52" s="308"/>
      <c r="D52" s="2" t="s">
        <v>365</v>
      </c>
      <c r="E52" s="294">
        <v>318</v>
      </c>
      <c r="F52" s="268">
        <v>329</v>
      </c>
      <c r="G52" s="8">
        <v>327</v>
      </c>
      <c r="H52" s="8">
        <v>2</v>
      </c>
      <c r="I52" s="8"/>
      <c r="J52" s="8"/>
      <c r="K52" s="8">
        <v>318</v>
      </c>
      <c r="L52" s="8">
        <v>3</v>
      </c>
      <c r="M52" s="123">
        <v>1.03</v>
      </c>
      <c r="N52" s="135">
        <v>0</v>
      </c>
    </row>
    <row r="53" spans="2:14" ht="14.25" customHeight="1" x14ac:dyDescent="0.15">
      <c r="B53" s="407"/>
      <c r="C53" s="308"/>
      <c r="D53" s="2" t="s">
        <v>366</v>
      </c>
      <c r="E53" s="294">
        <v>278</v>
      </c>
      <c r="F53" s="268">
        <v>162</v>
      </c>
      <c r="G53" s="8">
        <v>162</v>
      </c>
      <c r="H53" s="8">
        <v>0</v>
      </c>
      <c r="I53" s="8"/>
      <c r="J53" s="8"/>
      <c r="K53" s="8">
        <v>161</v>
      </c>
      <c r="L53" s="8">
        <v>1</v>
      </c>
      <c r="M53" s="123">
        <v>1</v>
      </c>
      <c r="N53" s="135">
        <v>117</v>
      </c>
    </row>
    <row r="54" spans="2:14" ht="14.25" customHeight="1" x14ac:dyDescent="0.15">
      <c r="B54" s="407"/>
      <c r="C54" s="308"/>
      <c r="D54" s="2" t="s">
        <v>367</v>
      </c>
      <c r="E54" s="294">
        <v>318</v>
      </c>
      <c r="F54" s="268">
        <v>310</v>
      </c>
      <c r="G54" s="8">
        <v>305</v>
      </c>
      <c r="H54" s="8">
        <v>5</v>
      </c>
      <c r="I54" s="8"/>
      <c r="J54" s="8"/>
      <c r="K54" s="8">
        <v>308</v>
      </c>
      <c r="L54" s="8">
        <v>2</v>
      </c>
      <c r="M54" s="123">
        <v>1</v>
      </c>
      <c r="N54" s="135">
        <v>10</v>
      </c>
    </row>
    <row r="55" spans="2:14" ht="7.5" customHeight="1" x14ac:dyDescent="0.15">
      <c r="B55" s="412"/>
      <c r="C55" s="291"/>
      <c r="D55" s="192"/>
      <c r="E55" s="311"/>
      <c r="F55" s="312"/>
      <c r="G55" s="185"/>
      <c r="H55" s="185"/>
      <c r="I55" s="35"/>
      <c r="J55" s="35"/>
      <c r="K55" s="35"/>
      <c r="L55" s="35"/>
      <c r="M55" s="313"/>
      <c r="N55" s="314"/>
    </row>
    <row r="56" spans="2:14" ht="7.5" customHeight="1" x14ac:dyDescent="0.15">
      <c r="B56" s="260"/>
      <c r="C56" s="252"/>
      <c r="D56" s="85"/>
      <c r="E56" s="315"/>
      <c r="F56" s="315"/>
      <c r="G56" s="7"/>
      <c r="H56" s="7"/>
      <c r="I56" s="27"/>
      <c r="J56" s="27"/>
      <c r="K56" s="27"/>
      <c r="L56" s="27"/>
      <c r="M56" s="123"/>
      <c r="N56" s="316"/>
    </row>
    <row r="57" spans="2:14" ht="7.5" customHeight="1" x14ac:dyDescent="0.15">
      <c r="B57" s="406" t="s">
        <v>368</v>
      </c>
      <c r="C57" s="317"/>
      <c r="D57" s="245"/>
      <c r="E57" s="42"/>
      <c r="F57" s="12"/>
      <c r="G57" s="11"/>
      <c r="H57" s="11"/>
      <c r="I57" s="13"/>
      <c r="J57" s="13"/>
      <c r="K57" s="13"/>
      <c r="L57" s="13"/>
      <c r="M57" s="318"/>
      <c r="N57" s="319"/>
    </row>
    <row r="58" spans="2:14" ht="14.25" customHeight="1" x14ac:dyDescent="0.15">
      <c r="B58" s="407"/>
      <c r="C58" s="308"/>
      <c r="D58" s="2" t="s">
        <v>135</v>
      </c>
      <c r="E58" s="294">
        <v>279</v>
      </c>
      <c r="F58" s="268">
        <v>346</v>
      </c>
      <c r="G58" s="8">
        <v>346</v>
      </c>
      <c r="H58" s="8">
        <v>0</v>
      </c>
      <c r="I58" s="8"/>
      <c r="J58" s="8"/>
      <c r="K58" s="8">
        <v>279</v>
      </c>
      <c r="L58" s="8">
        <v>4</v>
      </c>
      <c r="M58" s="123">
        <v>1.23</v>
      </c>
      <c r="N58" s="135">
        <v>0</v>
      </c>
    </row>
    <row r="59" spans="2:14" ht="14.25" customHeight="1" x14ac:dyDescent="0.15">
      <c r="B59" s="407"/>
      <c r="C59" s="308"/>
      <c r="D59" s="2" t="s">
        <v>369</v>
      </c>
      <c r="E59" s="294">
        <v>278</v>
      </c>
      <c r="F59" s="268">
        <v>320</v>
      </c>
      <c r="G59" s="8">
        <v>320</v>
      </c>
      <c r="H59" s="8">
        <v>0</v>
      </c>
      <c r="I59" s="8"/>
      <c r="J59" s="8"/>
      <c r="K59" s="8">
        <v>278</v>
      </c>
      <c r="L59" s="8">
        <v>4</v>
      </c>
      <c r="M59" s="123">
        <v>1.1399999999999999</v>
      </c>
      <c r="N59" s="135">
        <v>0</v>
      </c>
    </row>
    <row r="60" spans="2:14" ht="14.25" customHeight="1" x14ac:dyDescent="0.15">
      <c r="B60" s="407"/>
      <c r="C60" s="308"/>
      <c r="D60" s="2" t="s">
        <v>136</v>
      </c>
      <c r="E60" s="294">
        <v>318</v>
      </c>
      <c r="F60" s="268">
        <v>348</v>
      </c>
      <c r="G60" s="8">
        <v>344</v>
      </c>
      <c r="H60" s="8">
        <v>4</v>
      </c>
      <c r="I60" s="8"/>
      <c r="J60" s="8"/>
      <c r="K60" s="8">
        <v>318</v>
      </c>
      <c r="L60" s="8">
        <v>3</v>
      </c>
      <c r="M60" s="123">
        <v>1.08</v>
      </c>
      <c r="N60" s="135">
        <v>0</v>
      </c>
    </row>
    <row r="61" spans="2:14" ht="14.25" customHeight="1" x14ac:dyDescent="0.15">
      <c r="B61" s="407"/>
      <c r="C61" s="308"/>
      <c r="D61" s="2" t="s">
        <v>370</v>
      </c>
      <c r="E61" s="294">
        <v>238</v>
      </c>
      <c r="F61" s="268">
        <v>279</v>
      </c>
      <c r="G61" s="8">
        <v>276</v>
      </c>
      <c r="H61" s="8">
        <v>3</v>
      </c>
      <c r="I61" s="8"/>
      <c r="J61" s="8"/>
      <c r="K61" s="8">
        <v>238</v>
      </c>
      <c r="L61" s="8">
        <v>0</v>
      </c>
      <c r="M61" s="123">
        <v>1.17</v>
      </c>
      <c r="N61" s="135">
        <v>0</v>
      </c>
    </row>
    <row r="62" spans="2:14" ht="14.25" customHeight="1" x14ac:dyDescent="0.15">
      <c r="B62" s="407"/>
      <c r="C62" s="308"/>
      <c r="D62" s="309" t="s">
        <v>371</v>
      </c>
      <c r="E62" s="294">
        <v>318</v>
      </c>
      <c r="F62" s="268">
        <v>362</v>
      </c>
      <c r="G62" s="8">
        <v>361</v>
      </c>
      <c r="H62" s="8">
        <v>1</v>
      </c>
      <c r="I62" s="8"/>
      <c r="J62" s="8"/>
      <c r="K62" s="8">
        <v>318</v>
      </c>
      <c r="L62" s="8">
        <v>0</v>
      </c>
      <c r="M62" s="123">
        <v>1.1399999999999999</v>
      </c>
      <c r="N62" s="135">
        <v>0</v>
      </c>
    </row>
    <row r="63" spans="2:14" ht="7.5" customHeight="1" x14ac:dyDescent="0.15">
      <c r="B63" s="408"/>
      <c r="C63" s="296"/>
      <c r="D63" s="297"/>
      <c r="E63" s="298"/>
      <c r="F63" s="299"/>
      <c r="G63" s="300"/>
      <c r="H63" s="300"/>
      <c r="I63" s="300"/>
      <c r="J63" s="300"/>
      <c r="K63" s="300"/>
      <c r="L63" s="300"/>
      <c r="M63" s="320"/>
      <c r="N63" s="301"/>
    </row>
    <row r="64" spans="2:14" ht="7.5" customHeight="1" x14ac:dyDescent="0.15">
      <c r="B64" s="411" t="s">
        <v>372</v>
      </c>
      <c r="C64" s="302"/>
      <c r="D64" s="303"/>
      <c r="E64" s="304"/>
      <c r="F64" s="305"/>
      <c r="G64" s="306"/>
      <c r="H64" s="306"/>
      <c r="I64" s="306"/>
      <c r="J64" s="306"/>
      <c r="K64" s="306"/>
      <c r="L64" s="306"/>
      <c r="M64" s="321"/>
      <c r="N64" s="307"/>
    </row>
    <row r="65" spans="2:14" ht="14.25" customHeight="1" x14ac:dyDescent="0.15">
      <c r="B65" s="407"/>
      <c r="C65" s="308"/>
      <c r="D65" s="2" t="s">
        <v>373</v>
      </c>
      <c r="E65" s="294">
        <v>359</v>
      </c>
      <c r="F65" s="268">
        <v>433</v>
      </c>
      <c r="G65" s="8">
        <v>432</v>
      </c>
      <c r="H65" s="8">
        <v>1</v>
      </c>
      <c r="I65" s="8"/>
      <c r="J65" s="8"/>
      <c r="K65" s="8">
        <v>359</v>
      </c>
      <c r="L65" s="8">
        <v>2</v>
      </c>
      <c r="M65" s="123">
        <v>1.2</v>
      </c>
      <c r="N65" s="135">
        <v>0</v>
      </c>
    </row>
    <row r="66" spans="2:14" ht="14.25" customHeight="1" x14ac:dyDescent="0.15">
      <c r="B66" s="407"/>
      <c r="C66" s="308"/>
      <c r="D66" s="2" t="s">
        <v>374</v>
      </c>
      <c r="E66" s="294">
        <v>358</v>
      </c>
      <c r="F66" s="268">
        <v>524</v>
      </c>
      <c r="G66" s="8">
        <v>521</v>
      </c>
      <c r="H66" s="8">
        <v>3</v>
      </c>
      <c r="I66" s="8"/>
      <c r="J66" s="8"/>
      <c r="K66" s="8">
        <v>358</v>
      </c>
      <c r="L66" s="8">
        <v>0</v>
      </c>
      <c r="M66" s="123">
        <v>1.46</v>
      </c>
      <c r="N66" s="135">
        <v>0</v>
      </c>
    </row>
    <row r="67" spans="2:14" ht="14.25" customHeight="1" x14ac:dyDescent="0.15">
      <c r="B67" s="407"/>
      <c r="C67" s="308"/>
      <c r="D67" s="2" t="s">
        <v>375</v>
      </c>
      <c r="E67" s="294">
        <v>398</v>
      </c>
      <c r="F67" s="268">
        <v>468</v>
      </c>
      <c r="G67" s="8">
        <v>464</v>
      </c>
      <c r="H67" s="8">
        <v>4</v>
      </c>
      <c r="I67" s="8"/>
      <c r="J67" s="8"/>
      <c r="K67" s="8">
        <v>398</v>
      </c>
      <c r="L67" s="8">
        <v>4</v>
      </c>
      <c r="M67" s="123">
        <v>1.17</v>
      </c>
      <c r="N67" s="135">
        <v>0</v>
      </c>
    </row>
    <row r="68" spans="2:14" ht="14.25" customHeight="1" x14ac:dyDescent="0.15">
      <c r="B68" s="407"/>
      <c r="C68" s="308"/>
      <c r="D68" s="2" t="s">
        <v>376</v>
      </c>
      <c r="E68" s="294">
        <v>359</v>
      </c>
      <c r="F68" s="268">
        <v>567</v>
      </c>
      <c r="G68" s="8">
        <v>564</v>
      </c>
      <c r="H68" s="8">
        <v>3</v>
      </c>
      <c r="I68" s="8"/>
      <c r="J68" s="8"/>
      <c r="K68" s="8">
        <v>360</v>
      </c>
      <c r="L68" s="8">
        <v>8</v>
      </c>
      <c r="M68" s="123">
        <v>1.55</v>
      </c>
      <c r="N68" s="135">
        <v>0</v>
      </c>
    </row>
    <row r="69" spans="2:14" ht="14.25" customHeight="1" x14ac:dyDescent="0.15">
      <c r="B69" s="407"/>
      <c r="C69" s="308"/>
      <c r="D69" s="2" t="s">
        <v>377</v>
      </c>
      <c r="E69" s="294">
        <v>318</v>
      </c>
      <c r="F69" s="268">
        <v>378</v>
      </c>
      <c r="G69" s="8">
        <v>378</v>
      </c>
      <c r="H69" s="8">
        <v>0</v>
      </c>
      <c r="I69" s="8"/>
      <c r="J69" s="8"/>
      <c r="K69" s="8">
        <v>319</v>
      </c>
      <c r="L69" s="8">
        <v>5</v>
      </c>
      <c r="M69" s="123">
        <v>1.17</v>
      </c>
      <c r="N69" s="135">
        <v>0</v>
      </c>
    </row>
    <row r="70" spans="2:14" ht="14.25" customHeight="1" x14ac:dyDescent="0.15">
      <c r="B70" s="407"/>
      <c r="C70" s="308"/>
      <c r="D70" s="2" t="s">
        <v>378</v>
      </c>
      <c r="E70" s="294">
        <v>238</v>
      </c>
      <c r="F70" s="268">
        <v>272</v>
      </c>
      <c r="G70" s="8">
        <v>271</v>
      </c>
      <c r="H70" s="8">
        <v>1</v>
      </c>
      <c r="I70" s="8"/>
      <c r="J70" s="8"/>
      <c r="K70" s="8">
        <v>238</v>
      </c>
      <c r="L70" s="8">
        <v>3</v>
      </c>
      <c r="M70" s="123">
        <v>1.1299999999999999</v>
      </c>
      <c r="N70" s="135">
        <v>0</v>
      </c>
    </row>
    <row r="71" spans="2:14" ht="14.25" customHeight="1" x14ac:dyDescent="0.15">
      <c r="B71" s="407"/>
      <c r="C71" s="308"/>
      <c r="D71" s="310" t="s">
        <v>379</v>
      </c>
      <c r="E71" s="294">
        <v>278</v>
      </c>
      <c r="F71" s="268">
        <v>336</v>
      </c>
      <c r="G71" s="8">
        <v>336</v>
      </c>
      <c r="H71" s="8">
        <v>0</v>
      </c>
      <c r="I71" s="8"/>
      <c r="J71" s="8"/>
      <c r="K71" s="8">
        <v>278</v>
      </c>
      <c r="L71" s="8">
        <v>2</v>
      </c>
      <c r="M71" s="123">
        <v>1.2</v>
      </c>
      <c r="N71" s="135">
        <v>0</v>
      </c>
    </row>
    <row r="72" spans="2:14" ht="14.25" customHeight="1" x14ac:dyDescent="0.15">
      <c r="B72" s="407"/>
      <c r="C72" s="308"/>
      <c r="D72" s="310" t="s">
        <v>380</v>
      </c>
      <c r="E72" s="294">
        <v>279</v>
      </c>
      <c r="F72" s="268">
        <v>367</v>
      </c>
      <c r="G72" s="8">
        <v>365</v>
      </c>
      <c r="H72" s="8">
        <v>2</v>
      </c>
      <c r="I72" s="8"/>
      <c r="J72" s="8"/>
      <c r="K72" s="8">
        <v>279</v>
      </c>
      <c r="L72" s="8">
        <v>2</v>
      </c>
      <c r="M72" s="123">
        <v>1.31</v>
      </c>
      <c r="N72" s="135">
        <v>0</v>
      </c>
    </row>
    <row r="73" spans="2:14" ht="14.25" customHeight="1" x14ac:dyDescent="0.15">
      <c r="B73" s="407"/>
      <c r="C73" s="308"/>
      <c r="D73" s="310" t="s">
        <v>381</v>
      </c>
      <c r="E73" s="294">
        <v>383</v>
      </c>
      <c r="F73" s="268">
        <v>436</v>
      </c>
      <c r="G73" s="8">
        <v>431</v>
      </c>
      <c r="H73" s="8">
        <v>5</v>
      </c>
      <c r="I73" s="8"/>
      <c r="J73" s="8"/>
      <c r="K73" s="8">
        <v>383</v>
      </c>
      <c r="L73" s="8">
        <v>0</v>
      </c>
      <c r="M73" s="123">
        <v>1.1399999999999999</v>
      </c>
      <c r="N73" s="135">
        <v>0</v>
      </c>
    </row>
    <row r="74" spans="2:14" ht="14.25" customHeight="1" x14ac:dyDescent="0.15">
      <c r="B74" s="407"/>
      <c r="C74" s="308"/>
      <c r="D74" s="2" t="s">
        <v>382</v>
      </c>
      <c r="E74" s="294">
        <v>358</v>
      </c>
      <c r="F74" s="268">
        <v>368</v>
      </c>
      <c r="G74" s="8">
        <v>365</v>
      </c>
      <c r="H74" s="8">
        <v>3</v>
      </c>
      <c r="I74" s="8"/>
      <c r="J74" s="8"/>
      <c r="K74" s="8">
        <v>358</v>
      </c>
      <c r="L74" s="8">
        <v>1</v>
      </c>
      <c r="M74" s="123">
        <v>1.03</v>
      </c>
      <c r="N74" s="135">
        <v>0</v>
      </c>
    </row>
    <row r="75" spans="2:14" ht="14.25" customHeight="1" x14ac:dyDescent="0.15">
      <c r="B75" s="407"/>
      <c r="C75" s="308"/>
      <c r="D75" s="2" t="s">
        <v>383</v>
      </c>
      <c r="E75" s="294">
        <v>238</v>
      </c>
      <c r="F75" s="268">
        <v>131</v>
      </c>
      <c r="G75" s="8">
        <v>130</v>
      </c>
      <c r="H75" s="8">
        <v>1</v>
      </c>
      <c r="I75" s="8"/>
      <c r="J75" s="8"/>
      <c r="K75" s="8">
        <v>130</v>
      </c>
      <c r="L75" s="8">
        <v>1</v>
      </c>
      <c r="M75" s="123">
        <v>1</v>
      </c>
      <c r="N75" s="135">
        <v>108</v>
      </c>
    </row>
    <row r="76" spans="2:14" ht="7.5" customHeight="1" x14ac:dyDescent="0.15">
      <c r="B76" s="408"/>
      <c r="C76" s="296"/>
      <c r="D76" s="297"/>
      <c r="E76" s="298"/>
      <c r="F76" s="299"/>
      <c r="G76" s="300"/>
      <c r="H76" s="300"/>
      <c r="I76" s="300"/>
      <c r="J76" s="300"/>
      <c r="K76" s="300"/>
      <c r="L76" s="300"/>
      <c r="M76" s="320"/>
      <c r="N76" s="301"/>
    </row>
    <row r="77" spans="2:14" ht="7.5" customHeight="1" x14ac:dyDescent="0.15">
      <c r="B77" s="411" t="s">
        <v>384</v>
      </c>
      <c r="C77" s="302"/>
      <c r="D77" s="303"/>
      <c r="E77" s="304"/>
      <c r="F77" s="305"/>
      <c r="G77" s="306"/>
      <c r="H77" s="306"/>
      <c r="I77" s="306"/>
      <c r="J77" s="306"/>
      <c r="K77" s="306"/>
      <c r="L77" s="306"/>
      <c r="M77" s="321"/>
      <c r="N77" s="307"/>
    </row>
    <row r="78" spans="2:14" ht="14.25" customHeight="1" x14ac:dyDescent="0.15">
      <c r="B78" s="407"/>
      <c r="C78" s="308"/>
      <c r="D78" s="2" t="s">
        <v>385</v>
      </c>
      <c r="E78" s="294">
        <v>319</v>
      </c>
      <c r="F78" s="268">
        <v>367</v>
      </c>
      <c r="G78" s="8">
        <v>365</v>
      </c>
      <c r="H78" s="8">
        <v>2</v>
      </c>
      <c r="I78" s="8"/>
      <c r="J78" s="8"/>
      <c r="K78" s="8">
        <v>319</v>
      </c>
      <c r="L78" s="8">
        <v>5</v>
      </c>
      <c r="M78" s="123">
        <v>1.1299999999999999</v>
      </c>
      <c r="N78" s="135">
        <v>0</v>
      </c>
    </row>
    <row r="79" spans="2:14" ht="14.25" customHeight="1" x14ac:dyDescent="0.15">
      <c r="B79" s="407"/>
      <c r="C79" s="308"/>
      <c r="D79" s="2" t="s">
        <v>386</v>
      </c>
      <c r="E79" s="294">
        <v>228</v>
      </c>
      <c r="F79" s="268">
        <v>247</v>
      </c>
      <c r="G79" s="8">
        <v>246</v>
      </c>
      <c r="H79" s="8">
        <v>1</v>
      </c>
      <c r="I79" s="8"/>
      <c r="J79" s="8"/>
      <c r="K79" s="8">
        <v>228</v>
      </c>
      <c r="L79" s="8">
        <v>1</v>
      </c>
      <c r="M79" s="123">
        <v>1.08</v>
      </c>
      <c r="N79" s="135">
        <v>0</v>
      </c>
    </row>
    <row r="80" spans="2:14" ht="14.25" customHeight="1" x14ac:dyDescent="0.15">
      <c r="B80" s="407"/>
      <c r="C80" s="308"/>
      <c r="D80" s="2" t="s">
        <v>387</v>
      </c>
      <c r="E80" s="294">
        <v>278</v>
      </c>
      <c r="F80" s="268">
        <v>344</v>
      </c>
      <c r="G80" s="8">
        <v>344</v>
      </c>
      <c r="H80" s="8">
        <v>0</v>
      </c>
      <c r="I80" s="8"/>
      <c r="J80" s="8"/>
      <c r="K80" s="8">
        <v>278</v>
      </c>
      <c r="L80" s="8">
        <v>1</v>
      </c>
      <c r="M80" s="123">
        <v>1.23</v>
      </c>
      <c r="N80" s="135">
        <v>0</v>
      </c>
    </row>
    <row r="81" spans="2:14" ht="14.25" customHeight="1" x14ac:dyDescent="0.15">
      <c r="B81" s="407"/>
      <c r="C81" s="308"/>
      <c r="D81" s="2" t="s">
        <v>388</v>
      </c>
      <c r="E81" s="294">
        <v>238</v>
      </c>
      <c r="F81" s="268">
        <v>83</v>
      </c>
      <c r="G81" s="8">
        <v>83</v>
      </c>
      <c r="H81" s="8">
        <v>0</v>
      </c>
      <c r="I81" s="8"/>
      <c r="J81" s="8"/>
      <c r="K81" s="8">
        <v>82</v>
      </c>
      <c r="L81" s="8">
        <v>1</v>
      </c>
      <c r="M81" s="123">
        <v>1</v>
      </c>
      <c r="N81" s="135">
        <v>156</v>
      </c>
    </row>
    <row r="82" spans="2:14" ht="14.25" customHeight="1" x14ac:dyDescent="0.15">
      <c r="B82" s="407"/>
      <c r="C82" s="308"/>
      <c r="D82" s="2" t="s">
        <v>389</v>
      </c>
      <c r="E82" s="294">
        <v>358</v>
      </c>
      <c r="F82" s="268">
        <v>408</v>
      </c>
      <c r="G82" s="8">
        <v>407</v>
      </c>
      <c r="H82" s="8">
        <v>1</v>
      </c>
      <c r="I82" s="8"/>
      <c r="J82" s="8"/>
      <c r="K82" s="8">
        <v>358</v>
      </c>
      <c r="L82" s="8">
        <v>1</v>
      </c>
      <c r="M82" s="123">
        <v>1.1399999999999999</v>
      </c>
      <c r="N82" s="135">
        <v>0</v>
      </c>
    </row>
    <row r="83" spans="2:14" ht="14.25" customHeight="1" x14ac:dyDescent="0.15">
      <c r="B83" s="407"/>
      <c r="C83" s="308"/>
      <c r="D83" s="2" t="s">
        <v>390</v>
      </c>
      <c r="E83" s="294">
        <v>278</v>
      </c>
      <c r="F83" s="268">
        <v>247</v>
      </c>
      <c r="G83" s="8">
        <v>246</v>
      </c>
      <c r="H83" s="8">
        <v>1</v>
      </c>
      <c r="I83" s="8"/>
      <c r="J83" s="8"/>
      <c r="K83" s="8">
        <v>247</v>
      </c>
      <c r="L83" s="8">
        <v>0</v>
      </c>
      <c r="M83" s="123">
        <v>1</v>
      </c>
      <c r="N83" s="135">
        <v>31</v>
      </c>
    </row>
    <row r="84" spans="2:14" ht="14.25" customHeight="1" x14ac:dyDescent="0.15">
      <c r="B84" s="407"/>
      <c r="C84" s="308"/>
      <c r="D84" s="2" t="s">
        <v>391</v>
      </c>
      <c r="E84" s="294">
        <v>228</v>
      </c>
      <c r="F84" s="268">
        <v>253</v>
      </c>
      <c r="G84" s="8">
        <v>252</v>
      </c>
      <c r="H84" s="8">
        <v>1</v>
      </c>
      <c r="I84" s="8"/>
      <c r="J84" s="8"/>
      <c r="K84" s="8">
        <v>228</v>
      </c>
      <c r="L84" s="8">
        <v>1</v>
      </c>
      <c r="M84" s="123">
        <v>1.1100000000000001</v>
      </c>
      <c r="N84" s="135">
        <v>0</v>
      </c>
    </row>
    <row r="85" spans="2:14" ht="14.25" customHeight="1" x14ac:dyDescent="0.15">
      <c r="B85" s="407"/>
      <c r="C85" s="308"/>
      <c r="D85" s="2" t="s">
        <v>392</v>
      </c>
      <c r="E85" s="294">
        <v>308</v>
      </c>
      <c r="F85" s="268">
        <v>331</v>
      </c>
      <c r="G85" s="8">
        <v>330</v>
      </c>
      <c r="H85" s="8">
        <v>1</v>
      </c>
      <c r="I85" s="8"/>
      <c r="J85" s="8"/>
      <c r="K85" s="8">
        <v>311</v>
      </c>
      <c r="L85" s="8">
        <v>0</v>
      </c>
      <c r="M85" s="123">
        <v>1.06</v>
      </c>
      <c r="N85" s="135">
        <v>0</v>
      </c>
    </row>
    <row r="86" spans="2:14" ht="7.5" customHeight="1" x14ac:dyDescent="0.15">
      <c r="B86" s="408"/>
      <c r="C86" s="296"/>
      <c r="D86" s="297"/>
      <c r="E86" s="298"/>
      <c r="F86" s="299"/>
      <c r="G86" s="300"/>
      <c r="H86" s="300"/>
      <c r="I86" s="300"/>
      <c r="J86" s="300"/>
      <c r="K86" s="300"/>
      <c r="L86" s="300"/>
      <c r="M86" s="320"/>
      <c r="N86" s="301"/>
    </row>
    <row r="87" spans="2:14" ht="7.5" customHeight="1" x14ac:dyDescent="0.15">
      <c r="B87" s="411" t="s">
        <v>393</v>
      </c>
      <c r="C87" s="302"/>
      <c r="D87" s="303"/>
      <c r="E87" s="304"/>
      <c r="F87" s="305"/>
      <c r="G87" s="306"/>
      <c r="H87" s="306"/>
      <c r="I87" s="306"/>
      <c r="J87" s="306"/>
      <c r="K87" s="306"/>
      <c r="L87" s="306"/>
      <c r="M87" s="321"/>
      <c r="N87" s="307"/>
    </row>
    <row r="88" spans="2:14" ht="14.25" customHeight="1" x14ac:dyDescent="0.15">
      <c r="B88" s="407"/>
      <c r="C88" s="308"/>
      <c r="D88" s="2" t="s">
        <v>291</v>
      </c>
      <c r="E88" s="294">
        <v>118</v>
      </c>
      <c r="F88" s="268">
        <v>67</v>
      </c>
      <c r="G88" s="8">
        <v>66</v>
      </c>
      <c r="H88" s="8">
        <v>1</v>
      </c>
      <c r="I88" s="8"/>
      <c r="J88" s="8"/>
      <c r="K88" s="8">
        <v>67</v>
      </c>
      <c r="L88" s="8">
        <v>0</v>
      </c>
      <c r="M88" s="123">
        <v>1</v>
      </c>
      <c r="N88" s="135">
        <v>51</v>
      </c>
    </row>
    <row r="89" spans="2:14" ht="14.25" customHeight="1" x14ac:dyDescent="0.15">
      <c r="B89" s="407"/>
      <c r="C89" s="308"/>
      <c r="D89" s="2" t="s">
        <v>394</v>
      </c>
      <c r="E89" s="294">
        <v>348</v>
      </c>
      <c r="F89" s="268">
        <v>339</v>
      </c>
      <c r="G89" s="8">
        <v>336</v>
      </c>
      <c r="H89" s="8">
        <v>3</v>
      </c>
      <c r="I89" s="8"/>
      <c r="J89" s="8"/>
      <c r="K89" s="8">
        <v>338</v>
      </c>
      <c r="L89" s="8">
        <v>1</v>
      </c>
      <c r="M89" s="123">
        <v>1</v>
      </c>
      <c r="N89" s="135">
        <v>10</v>
      </c>
    </row>
    <row r="90" spans="2:14" ht="14.25" customHeight="1" x14ac:dyDescent="0.15">
      <c r="B90" s="407"/>
      <c r="C90" s="308"/>
      <c r="D90" s="2" t="s">
        <v>395</v>
      </c>
      <c r="E90" s="294">
        <v>238</v>
      </c>
      <c r="F90" s="268">
        <v>238</v>
      </c>
      <c r="G90" s="8">
        <v>238</v>
      </c>
      <c r="H90" s="8">
        <v>0</v>
      </c>
      <c r="I90" s="8"/>
      <c r="J90" s="8"/>
      <c r="K90" s="8">
        <v>237</v>
      </c>
      <c r="L90" s="8">
        <v>1</v>
      </c>
      <c r="M90" s="123">
        <v>1</v>
      </c>
      <c r="N90" s="135">
        <v>1</v>
      </c>
    </row>
    <row r="91" spans="2:14" ht="14.25" customHeight="1" x14ac:dyDescent="0.15">
      <c r="B91" s="407"/>
      <c r="C91" s="308"/>
      <c r="D91" s="2" t="s">
        <v>396</v>
      </c>
      <c r="E91" s="294">
        <v>198</v>
      </c>
      <c r="F91" s="268">
        <v>153</v>
      </c>
      <c r="G91" s="8">
        <v>151</v>
      </c>
      <c r="H91" s="8">
        <v>2</v>
      </c>
      <c r="I91" s="8"/>
      <c r="J91" s="8"/>
      <c r="K91" s="8">
        <v>153</v>
      </c>
      <c r="L91" s="8">
        <v>0</v>
      </c>
      <c r="M91" s="123">
        <v>1</v>
      </c>
      <c r="N91" s="135">
        <v>45</v>
      </c>
    </row>
    <row r="92" spans="2:14" ht="7.5" customHeight="1" x14ac:dyDescent="0.15">
      <c r="B92" s="407"/>
      <c r="C92" s="296"/>
      <c r="D92" s="297"/>
      <c r="E92" s="322"/>
      <c r="F92" s="299"/>
      <c r="G92" s="300"/>
      <c r="H92" s="300"/>
      <c r="I92" s="300"/>
      <c r="J92" s="300"/>
      <c r="K92" s="300"/>
      <c r="L92" s="300"/>
      <c r="M92" s="320"/>
      <c r="N92" s="301"/>
    </row>
    <row r="93" spans="2:14" ht="7.5" customHeight="1" x14ac:dyDescent="0.15">
      <c r="B93" s="411" t="s">
        <v>397</v>
      </c>
      <c r="C93" s="302"/>
      <c r="D93" s="303"/>
      <c r="E93" s="304"/>
      <c r="F93" s="305"/>
      <c r="G93" s="306"/>
      <c r="H93" s="306"/>
      <c r="I93" s="306"/>
      <c r="J93" s="306"/>
      <c r="K93" s="306"/>
      <c r="L93" s="306"/>
      <c r="M93" s="321"/>
      <c r="N93" s="307"/>
    </row>
    <row r="94" spans="2:14" ht="14.25" customHeight="1" x14ac:dyDescent="0.15">
      <c r="B94" s="407"/>
      <c r="C94" s="308"/>
      <c r="D94" s="2" t="s">
        <v>398</v>
      </c>
      <c r="E94" s="294">
        <v>359</v>
      </c>
      <c r="F94" s="268">
        <v>443</v>
      </c>
      <c r="G94" s="8">
        <v>439</v>
      </c>
      <c r="H94" s="8">
        <v>4</v>
      </c>
      <c r="I94" s="8"/>
      <c r="J94" s="8"/>
      <c r="K94" s="8">
        <v>359</v>
      </c>
      <c r="L94" s="8">
        <v>7</v>
      </c>
      <c r="M94" s="123">
        <v>1.21</v>
      </c>
      <c r="N94" s="135">
        <v>0</v>
      </c>
    </row>
    <row r="95" spans="2:14" ht="14.25" customHeight="1" x14ac:dyDescent="0.15">
      <c r="B95" s="407"/>
      <c r="C95" s="308"/>
      <c r="D95" s="2" t="s">
        <v>292</v>
      </c>
      <c r="E95" s="294">
        <v>198</v>
      </c>
      <c r="F95" s="268">
        <v>214</v>
      </c>
      <c r="G95" s="8">
        <v>214</v>
      </c>
      <c r="H95" s="8">
        <v>0</v>
      </c>
      <c r="I95" s="8"/>
      <c r="J95" s="8"/>
      <c r="K95" s="8">
        <v>198</v>
      </c>
      <c r="L95" s="8">
        <v>0</v>
      </c>
      <c r="M95" s="123">
        <v>1.08</v>
      </c>
      <c r="N95" s="135">
        <v>0</v>
      </c>
    </row>
    <row r="96" spans="2:14" ht="14.25" customHeight="1" x14ac:dyDescent="0.15">
      <c r="B96" s="407"/>
      <c r="C96" s="308"/>
      <c r="D96" s="2" t="s">
        <v>317</v>
      </c>
      <c r="E96" s="294">
        <v>238</v>
      </c>
      <c r="F96" s="268">
        <v>252</v>
      </c>
      <c r="G96" s="8">
        <v>252</v>
      </c>
      <c r="H96" s="8">
        <v>0</v>
      </c>
      <c r="I96" s="8"/>
      <c r="J96" s="8"/>
      <c r="K96" s="8">
        <v>238</v>
      </c>
      <c r="L96" s="8">
        <v>0</v>
      </c>
      <c r="M96" s="123">
        <v>1.06</v>
      </c>
      <c r="N96" s="135">
        <v>0</v>
      </c>
    </row>
    <row r="97" spans="2:14" ht="14.25" customHeight="1" x14ac:dyDescent="0.15">
      <c r="B97" s="407"/>
      <c r="C97" s="308"/>
      <c r="D97" s="2" t="s">
        <v>399</v>
      </c>
      <c r="E97" s="294">
        <v>238</v>
      </c>
      <c r="F97" s="268">
        <v>203</v>
      </c>
      <c r="G97" s="8">
        <v>203</v>
      </c>
      <c r="H97" s="8">
        <v>0</v>
      </c>
      <c r="I97" s="8"/>
      <c r="J97" s="8"/>
      <c r="K97" s="8">
        <v>203</v>
      </c>
      <c r="L97" s="8">
        <v>0</v>
      </c>
      <c r="M97" s="123">
        <v>1</v>
      </c>
      <c r="N97" s="135">
        <v>35</v>
      </c>
    </row>
    <row r="98" spans="2:14" ht="14.25" customHeight="1" x14ac:dyDescent="0.15">
      <c r="B98" s="407"/>
      <c r="C98" s="308"/>
      <c r="D98" s="2" t="s">
        <v>400</v>
      </c>
      <c r="E98" s="294">
        <v>398</v>
      </c>
      <c r="F98" s="268">
        <v>467</v>
      </c>
      <c r="G98" s="8">
        <v>461</v>
      </c>
      <c r="H98" s="8">
        <v>6</v>
      </c>
      <c r="I98" s="8"/>
      <c r="J98" s="8"/>
      <c r="K98" s="8">
        <v>399</v>
      </c>
      <c r="L98" s="8">
        <v>2</v>
      </c>
      <c r="M98" s="123">
        <v>1.17</v>
      </c>
      <c r="N98" s="135">
        <v>0</v>
      </c>
    </row>
    <row r="99" spans="2:14" ht="14.25" customHeight="1" x14ac:dyDescent="0.15">
      <c r="B99" s="407"/>
      <c r="C99" s="308"/>
      <c r="D99" s="2" t="s">
        <v>401</v>
      </c>
      <c r="E99" s="294">
        <v>318</v>
      </c>
      <c r="F99" s="268">
        <v>344</v>
      </c>
      <c r="G99" s="8">
        <v>343</v>
      </c>
      <c r="H99" s="8">
        <v>1</v>
      </c>
      <c r="I99" s="8"/>
      <c r="J99" s="8"/>
      <c r="K99" s="8">
        <v>318</v>
      </c>
      <c r="L99" s="8">
        <v>1</v>
      </c>
      <c r="M99" s="123">
        <v>1.08</v>
      </c>
      <c r="N99" s="135">
        <v>0</v>
      </c>
    </row>
    <row r="100" spans="2:14" ht="14.25" customHeight="1" x14ac:dyDescent="0.15">
      <c r="B100" s="407"/>
      <c r="C100" s="308"/>
      <c r="D100" s="2" t="s">
        <v>402</v>
      </c>
      <c r="E100" s="294">
        <v>178</v>
      </c>
      <c r="F100" s="268">
        <v>95</v>
      </c>
      <c r="G100" s="8">
        <v>95</v>
      </c>
      <c r="H100" s="8">
        <v>0</v>
      </c>
      <c r="I100" s="8"/>
      <c r="J100" s="8"/>
      <c r="K100" s="8">
        <v>95</v>
      </c>
      <c r="L100" s="8">
        <v>0</v>
      </c>
      <c r="M100" s="123">
        <v>1</v>
      </c>
      <c r="N100" s="135">
        <v>83</v>
      </c>
    </row>
    <row r="101" spans="2:14" ht="14.25" customHeight="1" x14ac:dyDescent="0.15">
      <c r="B101" s="407"/>
      <c r="C101" s="308"/>
      <c r="D101" s="2" t="s">
        <v>403</v>
      </c>
      <c r="E101" s="294">
        <v>279</v>
      </c>
      <c r="F101" s="268">
        <v>368</v>
      </c>
      <c r="G101" s="8">
        <v>364</v>
      </c>
      <c r="H101" s="8">
        <v>4</v>
      </c>
      <c r="I101" s="8"/>
      <c r="J101" s="8"/>
      <c r="K101" s="8">
        <v>279</v>
      </c>
      <c r="L101" s="8">
        <v>3</v>
      </c>
      <c r="M101" s="123">
        <v>1.31</v>
      </c>
      <c r="N101" s="135">
        <v>0</v>
      </c>
    </row>
    <row r="102" spans="2:14" ht="14.25" customHeight="1" x14ac:dyDescent="0.15">
      <c r="B102" s="407"/>
      <c r="C102" s="308"/>
      <c r="D102" s="2" t="s">
        <v>404</v>
      </c>
      <c r="E102" s="294">
        <v>308</v>
      </c>
      <c r="F102" s="268">
        <v>307</v>
      </c>
      <c r="G102" s="8">
        <v>307</v>
      </c>
      <c r="H102" s="8">
        <v>0</v>
      </c>
      <c r="I102" s="8"/>
      <c r="J102" s="8"/>
      <c r="K102" s="8">
        <v>307</v>
      </c>
      <c r="L102" s="8">
        <v>0</v>
      </c>
      <c r="M102" s="123">
        <v>1</v>
      </c>
      <c r="N102" s="135">
        <v>1</v>
      </c>
    </row>
    <row r="103" spans="2:14" ht="14.25" customHeight="1" x14ac:dyDescent="0.15">
      <c r="B103" s="407"/>
      <c r="C103" s="308"/>
      <c r="D103" s="2" t="s">
        <v>405</v>
      </c>
      <c r="E103" s="294">
        <v>278</v>
      </c>
      <c r="F103" s="268">
        <v>318</v>
      </c>
      <c r="G103" s="8">
        <v>317</v>
      </c>
      <c r="H103" s="8">
        <v>1</v>
      </c>
      <c r="I103" s="8"/>
      <c r="J103" s="8"/>
      <c r="K103" s="8">
        <v>278</v>
      </c>
      <c r="L103" s="8">
        <v>3</v>
      </c>
      <c r="M103" s="123">
        <v>1.1299999999999999</v>
      </c>
      <c r="N103" s="135">
        <v>0</v>
      </c>
    </row>
    <row r="104" spans="2:14" ht="14.25" customHeight="1" x14ac:dyDescent="0.15">
      <c r="B104" s="407"/>
      <c r="C104" s="308"/>
      <c r="D104" s="2" t="s">
        <v>406</v>
      </c>
      <c r="E104" s="294">
        <v>318</v>
      </c>
      <c r="F104" s="268">
        <v>419</v>
      </c>
      <c r="G104" s="8">
        <v>417</v>
      </c>
      <c r="H104" s="8">
        <v>2</v>
      </c>
      <c r="I104" s="8"/>
      <c r="J104" s="8"/>
      <c r="K104" s="8">
        <v>318</v>
      </c>
      <c r="L104" s="8">
        <v>1</v>
      </c>
      <c r="M104" s="123">
        <v>1.31</v>
      </c>
      <c r="N104" s="135">
        <v>0</v>
      </c>
    </row>
    <row r="105" spans="2:14" ht="14.25" customHeight="1" x14ac:dyDescent="0.15">
      <c r="B105" s="407"/>
      <c r="C105" s="308"/>
      <c r="D105" s="2" t="s">
        <v>407</v>
      </c>
      <c r="E105" s="294">
        <v>318</v>
      </c>
      <c r="F105" s="268">
        <v>321</v>
      </c>
      <c r="G105" s="8">
        <v>321</v>
      </c>
      <c r="H105" s="8">
        <v>0</v>
      </c>
      <c r="I105" s="8"/>
      <c r="J105" s="8"/>
      <c r="K105" s="8">
        <v>319</v>
      </c>
      <c r="L105" s="8">
        <v>2</v>
      </c>
      <c r="M105" s="123">
        <v>1</v>
      </c>
      <c r="N105" s="135">
        <v>0</v>
      </c>
    </row>
    <row r="106" spans="2:14" ht="14.25" customHeight="1" x14ac:dyDescent="0.15">
      <c r="B106" s="407"/>
      <c r="C106" s="308"/>
      <c r="D106" s="2" t="s">
        <v>408</v>
      </c>
      <c r="E106" s="294">
        <v>318</v>
      </c>
      <c r="F106" s="268">
        <v>288</v>
      </c>
      <c r="G106" s="8">
        <v>286</v>
      </c>
      <c r="H106" s="8">
        <v>2</v>
      </c>
      <c r="I106" s="8"/>
      <c r="J106" s="8"/>
      <c r="K106" s="8">
        <v>286</v>
      </c>
      <c r="L106" s="8">
        <v>2</v>
      </c>
      <c r="M106" s="123">
        <v>1</v>
      </c>
      <c r="N106" s="135">
        <v>32</v>
      </c>
    </row>
    <row r="107" spans="2:14" ht="7.5" customHeight="1" x14ac:dyDescent="0.15">
      <c r="B107" s="412"/>
      <c r="C107" s="291"/>
      <c r="D107" s="192"/>
      <c r="E107" s="311"/>
      <c r="F107" s="312"/>
      <c r="G107" s="35"/>
      <c r="H107" s="35"/>
      <c r="I107" s="35"/>
      <c r="J107" s="35"/>
      <c r="K107" s="35"/>
      <c r="L107" s="35"/>
      <c r="M107" s="323"/>
      <c r="N107" s="314"/>
    </row>
    <row r="108" spans="2:14" ht="7.5" customHeight="1" x14ac:dyDescent="0.15">
      <c r="B108" s="324"/>
      <c r="C108" s="244"/>
      <c r="D108" s="245"/>
      <c r="E108" s="12"/>
      <c r="F108" s="12"/>
      <c r="G108" s="13"/>
      <c r="H108" s="13"/>
      <c r="I108" s="13"/>
      <c r="J108" s="13"/>
      <c r="K108" s="13"/>
      <c r="L108" s="13"/>
      <c r="M108" s="325"/>
      <c r="N108" s="326"/>
    </row>
    <row r="109" spans="2:14" ht="7.5" customHeight="1" x14ac:dyDescent="0.15">
      <c r="B109" s="260"/>
      <c r="C109" s="252"/>
      <c r="D109" s="85"/>
      <c r="E109" s="315"/>
      <c r="F109" s="315"/>
      <c r="G109" s="27"/>
      <c r="H109" s="27"/>
      <c r="I109" s="27"/>
      <c r="J109" s="27"/>
      <c r="K109" s="27"/>
      <c r="L109" s="27"/>
      <c r="M109" s="327"/>
      <c r="N109" s="316"/>
    </row>
    <row r="110" spans="2:14" ht="7.5" customHeight="1" x14ac:dyDescent="0.15">
      <c r="B110" s="406" t="s">
        <v>409</v>
      </c>
      <c r="C110" s="317"/>
      <c r="D110" s="245"/>
      <c r="E110" s="42"/>
      <c r="F110" s="12"/>
      <c r="G110" s="13"/>
      <c r="H110" s="13"/>
      <c r="I110" s="13"/>
      <c r="J110" s="13"/>
      <c r="K110" s="13"/>
      <c r="L110" s="13"/>
      <c r="M110" s="325"/>
      <c r="N110" s="319"/>
    </row>
    <row r="111" spans="2:14" ht="14.25" customHeight="1" x14ac:dyDescent="0.15">
      <c r="B111" s="407"/>
      <c r="C111" s="308"/>
      <c r="D111" s="2" t="s">
        <v>410</v>
      </c>
      <c r="E111" s="294">
        <v>358</v>
      </c>
      <c r="F111" s="268">
        <v>414</v>
      </c>
      <c r="G111" s="8">
        <v>412</v>
      </c>
      <c r="H111" s="8">
        <v>2</v>
      </c>
      <c r="I111" s="8"/>
      <c r="J111" s="8"/>
      <c r="K111" s="8">
        <v>358</v>
      </c>
      <c r="L111" s="8">
        <v>1</v>
      </c>
      <c r="M111" s="123">
        <v>1.1499999999999999</v>
      </c>
      <c r="N111" s="135">
        <v>0</v>
      </c>
    </row>
    <row r="112" spans="2:14" ht="14.25" customHeight="1" x14ac:dyDescent="0.15">
      <c r="B112" s="407"/>
      <c r="C112" s="308"/>
      <c r="D112" s="2" t="s">
        <v>411</v>
      </c>
      <c r="E112" s="294">
        <v>278</v>
      </c>
      <c r="F112" s="268">
        <v>285</v>
      </c>
      <c r="G112" s="8">
        <v>284</v>
      </c>
      <c r="H112" s="8">
        <v>1</v>
      </c>
      <c r="I112" s="8"/>
      <c r="J112" s="8"/>
      <c r="K112" s="8">
        <v>278</v>
      </c>
      <c r="L112" s="8">
        <v>0</v>
      </c>
      <c r="M112" s="123">
        <v>1.03</v>
      </c>
      <c r="N112" s="135">
        <v>0</v>
      </c>
    </row>
    <row r="113" spans="2:14" ht="14.25" customHeight="1" x14ac:dyDescent="0.15">
      <c r="B113" s="407"/>
      <c r="C113" s="308"/>
      <c r="D113" s="2" t="s">
        <v>412</v>
      </c>
      <c r="E113" s="294">
        <v>238</v>
      </c>
      <c r="F113" s="268">
        <v>276</v>
      </c>
      <c r="G113" s="8">
        <v>275</v>
      </c>
      <c r="H113" s="8">
        <v>1</v>
      </c>
      <c r="I113" s="8"/>
      <c r="J113" s="8"/>
      <c r="K113" s="8">
        <v>242</v>
      </c>
      <c r="L113" s="8">
        <v>0</v>
      </c>
      <c r="M113" s="123">
        <v>1.1399999999999999</v>
      </c>
      <c r="N113" s="135">
        <v>0</v>
      </c>
    </row>
    <row r="114" spans="2:14" ht="14.25" customHeight="1" x14ac:dyDescent="0.15">
      <c r="B114" s="407"/>
      <c r="C114" s="308"/>
      <c r="D114" s="2" t="s">
        <v>413</v>
      </c>
      <c r="E114" s="294">
        <v>279</v>
      </c>
      <c r="F114" s="268">
        <v>350</v>
      </c>
      <c r="G114" s="8">
        <v>349</v>
      </c>
      <c r="H114" s="8">
        <v>1</v>
      </c>
      <c r="I114" s="8"/>
      <c r="J114" s="8"/>
      <c r="K114" s="8">
        <v>279</v>
      </c>
      <c r="L114" s="8">
        <v>1</v>
      </c>
      <c r="M114" s="123">
        <v>1.25</v>
      </c>
      <c r="N114" s="135">
        <v>0</v>
      </c>
    </row>
    <row r="115" spans="2:14" ht="14.25" customHeight="1" x14ac:dyDescent="0.15">
      <c r="B115" s="407"/>
      <c r="C115" s="308"/>
      <c r="D115" s="2" t="s">
        <v>414</v>
      </c>
      <c r="E115" s="294">
        <v>358</v>
      </c>
      <c r="F115" s="268">
        <v>379</v>
      </c>
      <c r="G115" s="8">
        <v>377</v>
      </c>
      <c r="H115" s="8">
        <v>2</v>
      </c>
      <c r="I115" s="8"/>
      <c r="J115" s="8"/>
      <c r="K115" s="8">
        <v>358</v>
      </c>
      <c r="L115" s="8">
        <v>0</v>
      </c>
      <c r="M115" s="123">
        <v>1.06</v>
      </c>
      <c r="N115" s="135">
        <v>0</v>
      </c>
    </row>
    <row r="116" spans="2:14" ht="14.25" customHeight="1" x14ac:dyDescent="0.15">
      <c r="B116" s="407"/>
      <c r="C116" s="308"/>
      <c r="D116" s="2" t="s">
        <v>415</v>
      </c>
      <c r="E116" s="294">
        <v>268</v>
      </c>
      <c r="F116" s="268">
        <v>311</v>
      </c>
      <c r="G116" s="8">
        <v>311</v>
      </c>
      <c r="H116" s="8">
        <v>0</v>
      </c>
      <c r="I116" s="8"/>
      <c r="J116" s="8"/>
      <c r="K116" s="8">
        <v>268</v>
      </c>
      <c r="L116" s="8">
        <v>0</v>
      </c>
      <c r="M116" s="123">
        <v>1.1599999999999999</v>
      </c>
      <c r="N116" s="135">
        <v>0</v>
      </c>
    </row>
    <row r="117" spans="2:14" ht="14.25" customHeight="1" x14ac:dyDescent="0.15">
      <c r="B117" s="407"/>
      <c r="C117" s="308"/>
      <c r="D117" s="2" t="s">
        <v>416</v>
      </c>
      <c r="E117" s="294">
        <v>278</v>
      </c>
      <c r="F117" s="268">
        <v>266</v>
      </c>
      <c r="G117" s="8">
        <v>266</v>
      </c>
      <c r="H117" s="8">
        <v>0</v>
      </c>
      <c r="I117" s="8"/>
      <c r="J117" s="8"/>
      <c r="K117" s="8">
        <v>266</v>
      </c>
      <c r="L117" s="8">
        <v>0</v>
      </c>
      <c r="M117" s="123">
        <v>1</v>
      </c>
      <c r="N117" s="135">
        <v>12</v>
      </c>
    </row>
    <row r="118" spans="2:14" ht="14.25" customHeight="1" x14ac:dyDescent="0.15">
      <c r="B118" s="407"/>
      <c r="C118" s="308"/>
      <c r="D118" s="2" t="s">
        <v>137</v>
      </c>
      <c r="E118" s="294">
        <v>158</v>
      </c>
      <c r="F118" s="268">
        <v>59</v>
      </c>
      <c r="G118" s="8">
        <v>59</v>
      </c>
      <c r="H118" s="8">
        <v>0</v>
      </c>
      <c r="I118" s="8"/>
      <c r="J118" s="8"/>
      <c r="K118" s="8">
        <v>59</v>
      </c>
      <c r="L118" s="8">
        <v>0</v>
      </c>
      <c r="M118" s="123">
        <v>1</v>
      </c>
      <c r="N118" s="135">
        <v>99</v>
      </c>
    </row>
    <row r="119" spans="2:14" ht="7.5" customHeight="1" x14ac:dyDescent="0.15">
      <c r="B119" s="408"/>
      <c r="C119" s="328"/>
      <c r="D119" s="329"/>
      <c r="E119" s="330"/>
      <c r="F119" s="331"/>
      <c r="G119" s="332"/>
      <c r="H119" s="332"/>
      <c r="I119" s="332"/>
      <c r="J119" s="329"/>
      <c r="K119" s="332"/>
      <c r="L119" s="333"/>
      <c r="M119" s="334"/>
      <c r="N119" s="335"/>
    </row>
    <row r="120" spans="2:14" ht="7.5" customHeight="1" x14ac:dyDescent="0.15">
      <c r="B120" s="203"/>
      <c r="C120" s="204"/>
      <c r="D120" s="336"/>
      <c r="E120" s="337"/>
      <c r="F120" s="338"/>
      <c r="G120" s="339"/>
      <c r="H120" s="339"/>
      <c r="I120" s="339"/>
      <c r="J120" s="205"/>
      <c r="K120" s="339"/>
      <c r="L120" s="340"/>
      <c r="M120" s="341"/>
      <c r="N120" s="342"/>
    </row>
    <row r="121" spans="2:14" s="348" customFormat="1" ht="14.25" customHeight="1" x14ac:dyDescent="0.15">
      <c r="B121" s="209"/>
      <c r="C121" s="343"/>
      <c r="D121" s="344" t="s">
        <v>417</v>
      </c>
      <c r="E121" s="345">
        <v>26045</v>
      </c>
      <c r="F121" s="346">
        <v>29656</v>
      </c>
      <c r="G121" s="346">
        <v>29532</v>
      </c>
      <c r="H121" s="346">
        <v>124</v>
      </c>
      <c r="I121" s="347"/>
      <c r="K121" s="347">
        <v>25173</v>
      </c>
      <c r="L121" s="349">
        <v>204</v>
      </c>
      <c r="M121" s="350">
        <v>1.17</v>
      </c>
      <c r="N121" s="351">
        <v>884</v>
      </c>
    </row>
    <row r="122" spans="2:14" ht="7.5" customHeight="1" x14ac:dyDescent="0.15">
      <c r="B122" s="352"/>
      <c r="C122" s="260"/>
      <c r="D122" s="353"/>
      <c r="E122" s="265"/>
      <c r="F122" s="265"/>
      <c r="G122" s="4"/>
      <c r="H122" s="4"/>
      <c r="I122" s="4"/>
      <c r="J122" s="2"/>
      <c r="K122" s="4"/>
      <c r="L122" s="4"/>
      <c r="M122" s="4"/>
      <c r="N122" s="354"/>
    </row>
    <row r="123" spans="2:14" ht="7.5" customHeight="1" x14ac:dyDescent="0.15">
      <c r="B123" s="288"/>
      <c r="C123" s="244"/>
      <c r="D123" s="245"/>
      <c r="E123" s="246"/>
      <c r="F123" s="246"/>
      <c r="G123" s="266"/>
      <c r="H123" s="266"/>
      <c r="I123" s="245"/>
      <c r="J123" s="245"/>
      <c r="K123" s="245"/>
      <c r="L123" s="266"/>
      <c r="M123" s="266"/>
      <c r="N123" s="267"/>
    </row>
    <row r="124" spans="2:14" ht="15.75" customHeight="1" x14ac:dyDescent="0.15">
      <c r="B124" s="249" t="s">
        <v>330</v>
      </c>
      <c r="C124" s="24"/>
      <c r="E124" s="16"/>
      <c r="F124" s="17"/>
      <c r="G124" s="18" t="s">
        <v>2</v>
      </c>
      <c r="H124" s="18"/>
      <c r="I124" s="355" t="s">
        <v>183</v>
      </c>
      <c r="J124" s="114"/>
      <c r="K124" s="114"/>
      <c r="L124" s="19" t="s">
        <v>123</v>
      </c>
      <c r="M124" s="20"/>
      <c r="N124" s="21"/>
    </row>
    <row r="125" spans="2:14" ht="14.25" customHeight="1" x14ac:dyDescent="0.15">
      <c r="B125" s="249"/>
      <c r="C125" s="24"/>
      <c r="D125" s="76" t="s">
        <v>4</v>
      </c>
      <c r="E125" s="22" t="s">
        <v>6</v>
      </c>
      <c r="F125" s="22" t="s">
        <v>7</v>
      </c>
      <c r="G125" s="23" t="s">
        <v>127</v>
      </c>
      <c r="H125" s="24" t="s">
        <v>9</v>
      </c>
      <c r="I125" s="115" t="s">
        <v>128</v>
      </c>
      <c r="J125" s="115" t="s">
        <v>128</v>
      </c>
      <c r="K125" s="116" t="s">
        <v>7</v>
      </c>
      <c r="L125" s="25" t="s">
        <v>11</v>
      </c>
      <c r="M125" s="24" t="s">
        <v>12</v>
      </c>
      <c r="N125" s="26" t="s">
        <v>129</v>
      </c>
    </row>
    <row r="126" spans="2:14" ht="14.25" customHeight="1" x14ac:dyDescent="0.15">
      <c r="B126" s="249" t="s">
        <v>418</v>
      </c>
      <c r="C126" s="24"/>
      <c r="D126" s="85"/>
      <c r="E126" s="30"/>
      <c r="F126" s="30" t="s">
        <v>14</v>
      </c>
      <c r="G126" s="31" t="s">
        <v>15</v>
      </c>
      <c r="H126" s="31" t="s">
        <v>16</v>
      </c>
      <c r="I126" s="117" t="s">
        <v>130</v>
      </c>
      <c r="J126" s="117" t="s">
        <v>131</v>
      </c>
      <c r="K126" s="25" t="s">
        <v>145</v>
      </c>
      <c r="L126" s="24" t="s">
        <v>132</v>
      </c>
      <c r="M126" s="32" t="s">
        <v>19</v>
      </c>
      <c r="N126" s="26"/>
    </row>
    <row r="127" spans="2:14" ht="7.5" customHeight="1" x14ac:dyDescent="0.15">
      <c r="B127" s="250"/>
      <c r="C127" s="291"/>
      <c r="D127" s="192"/>
      <c r="E127" s="37"/>
      <c r="F127" s="37"/>
      <c r="G127" s="38"/>
      <c r="H127" s="39"/>
      <c r="I127" s="168"/>
      <c r="J127" s="168"/>
      <c r="K127" s="168"/>
      <c r="L127" s="38"/>
      <c r="M127" s="39"/>
      <c r="N127" s="41"/>
    </row>
    <row r="128" spans="2:14" s="360" customFormat="1" ht="10.5" customHeight="1" x14ac:dyDescent="0.15">
      <c r="B128" s="356"/>
      <c r="C128" s="357"/>
      <c r="D128" s="358"/>
      <c r="E128" s="83"/>
      <c r="F128" s="246"/>
      <c r="G128" s="358"/>
      <c r="H128" s="358"/>
      <c r="I128" s="358"/>
      <c r="J128" s="358"/>
      <c r="K128" s="359"/>
      <c r="M128" s="361"/>
      <c r="N128" s="362"/>
    </row>
    <row r="129" spans="2:14" s="360" customFormat="1" x14ac:dyDescent="0.15">
      <c r="B129" s="249" t="s">
        <v>419</v>
      </c>
      <c r="C129" s="363"/>
      <c r="D129" s="364" t="s">
        <v>420</v>
      </c>
      <c r="E129" s="294">
        <v>318</v>
      </c>
      <c r="F129" s="268">
        <v>383</v>
      </c>
      <c r="G129" s="8">
        <v>383</v>
      </c>
      <c r="H129" s="8">
        <v>0</v>
      </c>
      <c r="I129" s="365">
        <v>313</v>
      </c>
      <c r="J129" s="365">
        <v>5</v>
      </c>
      <c r="K129" s="365">
        <v>318</v>
      </c>
      <c r="L129" s="366">
        <v>4</v>
      </c>
      <c r="M129" s="123">
        <v>1.19</v>
      </c>
      <c r="N129" s="367">
        <v>0</v>
      </c>
    </row>
    <row r="130" spans="2:14" s="360" customFormat="1" x14ac:dyDescent="0.15">
      <c r="B130" s="249" t="s">
        <v>421</v>
      </c>
      <c r="C130" s="363"/>
      <c r="D130" s="360" t="s">
        <v>422</v>
      </c>
      <c r="E130" s="294">
        <v>318</v>
      </c>
      <c r="F130" s="268">
        <v>408</v>
      </c>
      <c r="G130" s="8">
        <v>406</v>
      </c>
      <c r="H130" s="8">
        <v>2</v>
      </c>
      <c r="I130" s="365">
        <v>259</v>
      </c>
      <c r="J130" s="365">
        <v>59</v>
      </c>
      <c r="K130" s="365">
        <v>318</v>
      </c>
      <c r="L130" s="366">
        <v>5</v>
      </c>
      <c r="M130" s="123">
        <v>1.27</v>
      </c>
      <c r="N130" s="367">
        <v>0</v>
      </c>
    </row>
    <row r="131" spans="2:14" s="360" customFormat="1" ht="14.25" customHeight="1" x14ac:dyDescent="0.15">
      <c r="B131" s="249" t="s">
        <v>423</v>
      </c>
      <c r="C131" s="363"/>
      <c r="D131" s="368" t="s">
        <v>424</v>
      </c>
      <c r="E131" s="369">
        <v>636</v>
      </c>
      <c r="F131" s="370">
        <v>791</v>
      </c>
      <c r="G131" s="370">
        <v>789</v>
      </c>
      <c r="H131" s="370">
        <v>2</v>
      </c>
      <c r="I131" s="50">
        <v>572</v>
      </c>
      <c r="J131" s="50">
        <v>64</v>
      </c>
      <c r="K131" s="50">
        <v>636</v>
      </c>
      <c r="L131" s="371">
        <v>9</v>
      </c>
      <c r="M131" s="372">
        <v>1.23</v>
      </c>
      <c r="N131" s="144">
        <v>0</v>
      </c>
    </row>
    <row r="132" spans="2:14" s="360" customFormat="1" ht="8.25" customHeight="1" x14ac:dyDescent="0.15">
      <c r="B132" s="373"/>
      <c r="C132" s="374"/>
      <c r="D132" s="375"/>
      <c r="E132" s="376"/>
      <c r="F132" s="299"/>
      <c r="G132" s="377"/>
      <c r="H132" s="377"/>
      <c r="I132" s="377"/>
      <c r="J132" s="377"/>
      <c r="K132" s="377"/>
      <c r="L132" s="377"/>
      <c r="M132" s="378"/>
      <c r="N132" s="379"/>
    </row>
    <row r="133" spans="2:14" ht="7.5" customHeight="1" x14ac:dyDescent="0.15">
      <c r="B133" s="409" t="s">
        <v>425</v>
      </c>
      <c r="C133" s="380"/>
      <c r="D133" s="85"/>
      <c r="E133" s="202"/>
      <c r="F133" s="315"/>
      <c r="G133" s="7"/>
      <c r="H133" s="7"/>
      <c r="I133" s="27"/>
      <c r="J133" s="27"/>
      <c r="K133" s="27"/>
      <c r="L133" s="7"/>
      <c r="M133" s="7"/>
      <c r="N133" s="72"/>
    </row>
    <row r="134" spans="2:14" x14ac:dyDescent="0.15">
      <c r="B134" s="409"/>
      <c r="C134" s="24"/>
      <c r="D134" s="76" t="s">
        <v>426</v>
      </c>
      <c r="E134" s="294">
        <v>198</v>
      </c>
      <c r="F134" s="268">
        <v>279</v>
      </c>
      <c r="G134" s="8">
        <v>279</v>
      </c>
      <c r="H134" s="8">
        <v>0</v>
      </c>
      <c r="I134" s="365">
        <v>183</v>
      </c>
      <c r="J134" s="365">
        <v>15</v>
      </c>
      <c r="K134" s="365">
        <v>198</v>
      </c>
      <c r="L134" s="366">
        <v>1</v>
      </c>
      <c r="M134" s="123">
        <v>1.4</v>
      </c>
      <c r="N134" s="367">
        <v>0</v>
      </c>
    </row>
    <row r="135" spans="2:14" x14ac:dyDescent="0.15">
      <c r="B135" s="409"/>
      <c r="C135" s="24"/>
      <c r="D135" s="76" t="s">
        <v>427</v>
      </c>
      <c r="E135" s="294">
        <v>278</v>
      </c>
      <c r="F135" s="268">
        <v>342</v>
      </c>
      <c r="G135" s="8">
        <v>339</v>
      </c>
      <c r="H135" s="8">
        <v>3</v>
      </c>
      <c r="I135" s="365">
        <v>268</v>
      </c>
      <c r="J135" s="365">
        <v>10</v>
      </c>
      <c r="K135" s="365">
        <v>278</v>
      </c>
      <c r="L135" s="366">
        <v>4</v>
      </c>
      <c r="M135" s="123">
        <v>1.22</v>
      </c>
      <c r="N135" s="367">
        <v>0</v>
      </c>
    </row>
    <row r="136" spans="2:14" x14ac:dyDescent="0.15">
      <c r="B136" s="409"/>
      <c r="C136" s="24"/>
      <c r="D136" s="76" t="s">
        <v>428</v>
      </c>
      <c r="E136" s="294">
        <v>118</v>
      </c>
      <c r="F136" s="268">
        <v>160</v>
      </c>
      <c r="G136" s="8">
        <v>160</v>
      </c>
      <c r="H136" s="8">
        <v>0</v>
      </c>
      <c r="I136" s="365">
        <v>118</v>
      </c>
      <c r="J136" s="365">
        <v>0</v>
      </c>
      <c r="K136" s="365">
        <v>118</v>
      </c>
      <c r="L136" s="366">
        <v>1</v>
      </c>
      <c r="M136" s="123">
        <v>1.35</v>
      </c>
      <c r="N136" s="367">
        <v>0</v>
      </c>
    </row>
    <row r="137" spans="2:14" x14ac:dyDescent="0.15">
      <c r="B137" s="409"/>
      <c r="C137" s="24"/>
      <c r="D137" s="368" t="s">
        <v>424</v>
      </c>
      <c r="E137" s="369">
        <v>594</v>
      </c>
      <c r="F137" s="370">
        <v>781</v>
      </c>
      <c r="G137" s="370">
        <v>778</v>
      </c>
      <c r="H137" s="370">
        <v>3</v>
      </c>
      <c r="I137" s="50">
        <v>569</v>
      </c>
      <c r="J137" s="50">
        <v>25</v>
      </c>
      <c r="K137" s="50">
        <v>594</v>
      </c>
      <c r="L137" s="371">
        <v>6</v>
      </c>
      <c r="M137" s="372">
        <v>1.3</v>
      </c>
      <c r="N137" s="144">
        <v>0</v>
      </c>
    </row>
    <row r="138" spans="2:14" ht="7.5" customHeight="1" x14ac:dyDescent="0.15">
      <c r="B138" s="410"/>
      <c r="C138" s="292"/>
      <c r="D138" s="85"/>
      <c r="E138" s="381"/>
      <c r="F138" s="253"/>
      <c r="G138" s="76"/>
      <c r="H138" s="76"/>
      <c r="I138" s="85"/>
      <c r="J138" s="85"/>
      <c r="K138" s="85"/>
      <c r="L138" s="382"/>
      <c r="M138" s="383"/>
      <c r="N138" s="384"/>
    </row>
    <row r="139" spans="2:14" ht="7.5" customHeight="1" x14ac:dyDescent="0.15">
      <c r="B139" s="203"/>
      <c r="C139" s="204"/>
      <c r="D139" s="205"/>
      <c r="E139" s="385"/>
      <c r="F139" s="338"/>
      <c r="G139" s="339"/>
      <c r="H139" s="339"/>
      <c r="I139" s="339"/>
      <c r="J139" s="205"/>
      <c r="K139" s="339"/>
      <c r="L139" s="340"/>
      <c r="M139" s="340"/>
      <c r="N139" s="342"/>
    </row>
    <row r="140" spans="2:14" s="348" customFormat="1" ht="14.25" customHeight="1" x14ac:dyDescent="0.15">
      <c r="B140" s="209"/>
      <c r="C140" s="343"/>
      <c r="D140" s="343" t="s">
        <v>429</v>
      </c>
      <c r="E140" s="386">
        <v>1230</v>
      </c>
      <c r="F140" s="346">
        <v>1572</v>
      </c>
      <c r="G140" s="346">
        <v>1567</v>
      </c>
      <c r="H140" s="346">
        <v>5</v>
      </c>
      <c r="I140" s="165" t="s">
        <v>181</v>
      </c>
      <c r="J140" s="387" t="s">
        <v>181</v>
      </c>
      <c r="K140" s="346">
        <v>1230</v>
      </c>
      <c r="L140" s="346">
        <v>15</v>
      </c>
      <c r="M140" s="350">
        <v>1.27</v>
      </c>
      <c r="N140" s="351">
        <v>0</v>
      </c>
    </row>
    <row r="141" spans="2:14" ht="7.5" customHeight="1" x14ac:dyDescent="0.15">
      <c r="B141" s="352"/>
      <c r="C141" s="260"/>
      <c r="D141" s="212"/>
      <c r="E141" s="261"/>
      <c r="F141" s="265"/>
      <c r="G141" s="4"/>
      <c r="H141" s="4"/>
      <c r="I141" s="4"/>
      <c r="J141" s="2"/>
      <c r="K141" s="4"/>
      <c r="L141" s="4"/>
      <c r="M141" s="4"/>
      <c r="N141" s="388"/>
    </row>
    <row r="142" spans="2:14" ht="7.5" customHeight="1" x14ac:dyDescent="0.15">
      <c r="B142" s="243"/>
      <c r="C142" s="244"/>
      <c r="D142" s="245"/>
      <c r="E142" s="83"/>
      <c r="F142" s="246"/>
      <c r="G142" s="266"/>
      <c r="H142" s="266"/>
      <c r="I142" s="245"/>
      <c r="J142" s="245"/>
      <c r="K142" s="245"/>
      <c r="L142" s="389"/>
      <c r="M142" s="390"/>
      <c r="N142" s="391"/>
    </row>
    <row r="143" spans="2:14" s="348" customFormat="1" x14ac:dyDescent="0.15">
      <c r="B143" s="209"/>
      <c r="C143" s="368"/>
      <c r="D143" s="368" t="s">
        <v>222</v>
      </c>
      <c r="E143" s="386">
        <v>27275</v>
      </c>
      <c r="F143" s="346">
        <v>31228</v>
      </c>
      <c r="G143" s="346">
        <v>31099</v>
      </c>
      <c r="H143" s="346">
        <v>129</v>
      </c>
      <c r="I143" s="165" t="s">
        <v>181</v>
      </c>
      <c r="J143" s="387" t="s">
        <v>181</v>
      </c>
      <c r="K143" s="346">
        <v>26403</v>
      </c>
      <c r="L143" s="346">
        <v>219</v>
      </c>
      <c r="M143" s="350">
        <v>1.17</v>
      </c>
      <c r="N143" s="351">
        <v>884</v>
      </c>
    </row>
    <row r="144" spans="2:14" ht="7.5" customHeight="1" x14ac:dyDescent="0.15">
      <c r="B144" s="250"/>
      <c r="C144" s="251"/>
      <c r="D144" s="192"/>
      <c r="E144" s="392"/>
      <c r="F144" s="393"/>
      <c r="G144" s="394"/>
      <c r="H144" s="394"/>
      <c r="I144" s="192"/>
      <c r="J144" s="192"/>
      <c r="K144" s="192"/>
      <c r="L144" s="394"/>
      <c r="M144" s="394"/>
      <c r="N144" s="395"/>
    </row>
    <row r="145" spans="2:14" ht="13.5" customHeight="1" x14ac:dyDescent="0.15">
      <c r="B145" s="396"/>
      <c r="C145" s="396"/>
      <c r="D145" s="396"/>
      <c r="E145" s="396"/>
      <c r="F145" s="396"/>
      <c r="G145" s="396"/>
      <c r="H145" s="396"/>
      <c r="I145" s="396"/>
      <c r="J145" s="396"/>
      <c r="K145" s="396"/>
      <c r="L145" s="396"/>
      <c r="M145" s="396"/>
      <c r="N145" s="396"/>
    </row>
    <row r="146" spans="2:14" x14ac:dyDescent="0.15">
      <c r="B146" s="397"/>
    </row>
    <row r="150" spans="2:14" x14ac:dyDescent="0.15">
      <c r="B150" s="7" t="s">
        <v>430</v>
      </c>
      <c r="C150" s="7"/>
      <c r="D150" s="7"/>
      <c r="E150" s="7"/>
      <c r="F150" s="7"/>
      <c r="G150" s="7"/>
      <c r="H150" s="7"/>
      <c r="I150" s="7"/>
      <c r="J150" s="7"/>
      <c r="K150" s="7"/>
      <c r="L150" s="7"/>
      <c r="M150" s="7"/>
      <c r="N150" s="7"/>
    </row>
    <row r="151" spans="2:14" x14ac:dyDescent="0.15">
      <c r="B151" s="10"/>
      <c r="C151" s="11"/>
      <c r="D151" s="11"/>
      <c r="E151" s="398"/>
      <c r="F151" s="398"/>
      <c r="G151" s="398"/>
      <c r="H151" s="398"/>
      <c r="I151" s="398"/>
      <c r="J151" s="398"/>
      <c r="K151" s="398"/>
      <c r="L151" s="398"/>
      <c r="M151" s="398"/>
      <c r="N151" s="399"/>
    </row>
    <row r="152" spans="2:14" x14ac:dyDescent="0.15">
      <c r="B152" s="15"/>
      <c r="C152" s="7"/>
      <c r="D152" s="7"/>
      <c r="E152" s="16"/>
      <c r="F152" s="17"/>
      <c r="G152" s="18" t="s">
        <v>2</v>
      </c>
      <c r="H152" s="18"/>
      <c r="I152" s="189"/>
      <c r="J152" s="190"/>
      <c r="K152" s="191"/>
      <c r="L152" s="19" t="s">
        <v>123</v>
      </c>
      <c r="M152" s="20"/>
      <c r="N152" s="21"/>
    </row>
    <row r="153" spans="2:14" x14ac:dyDescent="0.15">
      <c r="B153" s="15"/>
      <c r="C153" s="7" t="s">
        <v>4</v>
      </c>
      <c r="D153" s="7"/>
      <c r="E153" s="22" t="s">
        <v>6</v>
      </c>
      <c r="F153" s="22" t="s">
        <v>7</v>
      </c>
      <c r="G153" s="23" t="s">
        <v>127</v>
      </c>
      <c r="H153" s="24" t="s">
        <v>9</v>
      </c>
      <c r="I153" s="128" t="s">
        <v>10</v>
      </c>
      <c r="J153" s="29"/>
      <c r="K153" s="29"/>
      <c r="L153" s="25" t="s">
        <v>11</v>
      </c>
      <c r="M153" s="24" t="s">
        <v>12</v>
      </c>
      <c r="N153" s="26" t="s">
        <v>129</v>
      </c>
    </row>
    <row r="154" spans="2:14" x14ac:dyDescent="0.15">
      <c r="B154" s="15"/>
      <c r="C154" s="27"/>
      <c r="D154" s="27"/>
      <c r="E154" s="30"/>
      <c r="F154" s="30" t="s">
        <v>14</v>
      </c>
      <c r="G154" s="31" t="s">
        <v>15</v>
      </c>
      <c r="H154" s="31" t="s">
        <v>16</v>
      </c>
      <c r="I154" s="128" t="s">
        <v>145</v>
      </c>
      <c r="J154" s="129"/>
      <c r="K154" s="130"/>
      <c r="L154" s="24" t="s">
        <v>132</v>
      </c>
      <c r="M154" s="32" t="s">
        <v>19</v>
      </c>
      <c r="N154" s="26"/>
    </row>
    <row r="155" spans="2:14" x14ac:dyDescent="0.15">
      <c r="B155" s="34"/>
      <c r="C155" s="185"/>
      <c r="D155" s="185"/>
      <c r="E155" s="37"/>
      <c r="F155" s="37"/>
      <c r="G155" s="38"/>
      <c r="H155" s="39"/>
      <c r="I155" s="40"/>
      <c r="J155" s="192"/>
      <c r="K155" s="193"/>
      <c r="L155" s="107"/>
      <c r="M155" s="39"/>
      <c r="N155" s="120"/>
    </row>
    <row r="156" spans="2:14" x14ac:dyDescent="0.15">
      <c r="B156" s="10"/>
      <c r="C156" s="7"/>
      <c r="D156" s="7"/>
      <c r="E156" s="400"/>
      <c r="F156" s="7"/>
      <c r="G156" s="7"/>
      <c r="H156" s="7"/>
      <c r="I156" s="7"/>
      <c r="J156" s="7"/>
      <c r="K156" s="7"/>
      <c r="L156" s="7"/>
      <c r="M156" s="7"/>
      <c r="N156" s="401"/>
    </row>
    <row r="157" spans="2:14" x14ac:dyDescent="0.15">
      <c r="B157" s="15" t="s">
        <v>431</v>
      </c>
      <c r="C157" s="7"/>
      <c r="D157" s="7"/>
      <c r="E157" s="294">
        <v>238</v>
      </c>
      <c r="F157" s="268">
        <v>111</v>
      </c>
      <c r="G157" s="8">
        <v>109</v>
      </c>
      <c r="H157" s="8">
        <v>2</v>
      </c>
      <c r="I157" s="8"/>
      <c r="J157" s="8"/>
      <c r="K157" s="8">
        <v>111</v>
      </c>
      <c r="L157" s="8">
        <v>0</v>
      </c>
      <c r="M157" s="123">
        <v>1</v>
      </c>
      <c r="N157" s="135">
        <v>127</v>
      </c>
    </row>
    <row r="158" spans="2:14" x14ac:dyDescent="0.15">
      <c r="B158" s="15" t="s">
        <v>432</v>
      </c>
      <c r="C158" s="7"/>
      <c r="D158" s="7"/>
      <c r="E158" s="294">
        <v>118</v>
      </c>
      <c r="F158" s="268">
        <v>115</v>
      </c>
      <c r="G158" s="8">
        <v>115</v>
      </c>
      <c r="H158" s="8">
        <v>0</v>
      </c>
      <c r="I158" s="8"/>
      <c r="J158" s="8"/>
      <c r="K158" s="8">
        <v>115</v>
      </c>
      <c r="L158" s="8">
        <v>0</v>
      </c>
      <c r="M158" s="123">
        <v>1</v>
      </c>
      <c r="N158" s="135">
        <v>3</v>
      </c>
    </row>
    <row r="159" spans="2:14" x14ac:dyDescent="0.15">
      <c r="B159" s="15" t="s">
        <v>433</v>
      </c>
      <c r="C159" s="7"/>
      <c r="D159" s="7"/>
      <c r="E159" s="294">
        <v>78</v>
      </c>
      <c r="F159" s="268">
        <v>73</v>
      </c>
      <c r="G159" s="8">
        <v>73</v>
      </c>
      <c r="H159" s="8">
        <v>0</v>
      </c>
      <c r="I159" s="8"/>
      <c r="J159" s="8"/>
      <c r="K159" s="8">
        <v>73</v>
      </c>
      <c r="L159" s="8">
        <v>0</v>
      </c>
      <c r="M159" s="123">
        <v>1</v>
      </c>
      <c r="N159" s="135">
        <v>5</v>
      </c>
    </row>
    <row r="160" spans="2:14" x14ac:dyDescent="0.15">
      <c r="B160" s="15" t="s">
        <v>434</v>
      </c>
      <c r="C160" s="7"/>
      <c r="D160" s="7"/>
      <c r="E160" s="294">
        <v>238</v>
      </c>
      <c r="F160" s="268">
        <v>221</v>
      </c>
      <c r="G160" s="8">
        <v>221</v>
      </c>
      <c r="H160" s="8">
        <v>0</v>
      </c>
      <c r="I160" s="8"/>
      <c r="J160" s="8"/>
      <c r="K160" s="8">
        <v>221</v>
      </c>
      <c r="L160" s="8">
        <v>0</v>
      </c>
      <c r="M160" s="123">
        <v>1</v>
      </c>
      <c r="N160" s="135">
        <v>17</v>
      </c>
    </row>
    <row r="161" spans="2:14" x14ac:dyDescent="0.15">
      <c r="B161" s="94"/>
      <c r="C161" s="7"/>
      <c r="D161" s="7"/>
      <c r="E161" s="43"/>
      <c r="F161" s="7"/>
      <c r="G161" s="402"/>
      <c r="H161" s="402"/>
      <c r="I161" s="7"/>
      <c r="J161" s="7"/>
      <c r="K161" s="7"/>
      <c r="L161" s="7"/>
      <c r="M161" s="7"/>
      <c r="N161" s="401"/>
    </row>
    <row r="162" spans="2:14" ht="7.5" customHeight="1" x14ac:dyDescent="0.15">
      <c r="B162" s="57"/>
      <c r="C162" s="276"/>
      <c r="D162" s="276"/>
      <c r="E162" s="59"/>
      <c r="F162" s="60"/>
      <c r="G162" s="277"/>
      <c r="H162" s="277"/>
      <c r="I162" s="60"/>
      <c r="J162" s="60"/>
      <c r="K162" s="60"/>
      <c r="L162" s="136"/>
      <c r="M162" s="125"/>
      <c r="N162" s="141"/>
    </row>
    <row r="163" spans="2:14" x14ac:dyDescent="0.15">
      <c r="B163" s="126"/>
      <c r="C163" s="403" t="s">
        <v>37</v>
      </c>
      <c r="D163" s="403"/>
      <c r="E163" s="49">
        <v>672</v>
      </c>
      <c r="F163" s="50">
        <v>520</v>
      </c>
      <c r="G163" s="50">
        <v>518</v>
      </c>
      <c r="H163" s="50">
        <v>2</v>
      </c>
      <c r="I163" s="50"/>
      <c r="J163" s="50"/>
      <c r="K163" s="50">
        <v>520</v>
      </c>
      <c r="L163" s="143">
        <v>0</v>
      </c>
      <c r="M163" s="372">
        <v>1</v>
      </c>
      <c r="N163" s="144">
        <v>152</v>
      </c>
    </row>
    <row r="164" spans="2:14" ht="7.5" customHeight="1" x14ac:dyDescent="0.15">
      <c r="B164" s="34"/>
      <c r="C164" s="404"/>
      <c r="D164" s="404"/>
      <c r="E164" s="65"/>
      <c r="F164" s="66"/>
      <c r="G164" s="188"/>
      <c r="H164" s="188"/>
      <c r="I164" s="66"/>
      <c r="J164" s="66"/>
      <c r="K164" s="66"/>
      <c r="L164" s="66"/>
      <c r="M164" s="66"/>
      <c r="N164" s="68"/>
    </row>
    <row r="165" spans="2:14" s="7" customFormat="1" ht="13.5" customHeight="1" x14ac:dyDescent="0.15">
      <c r="B165" s="101" t="s">
        <v>435</v>
      </c>
      <c r="G165" s="8"/>
      <c r="H165" s="8"/>
      <c r="I165" s="8"/>
      <c r="J165" s="8"/>
      <c r="K165" s="8"/>
      <c r="L165" s="8"/>
      <c r="M165" s="8"/>
    </row>
    <row r="166" spans="2:14" x14ac:dyDescent="0.15">
      <c r="B166" s="405"/>
    </row>
  </sheetData>
  <mergeCells count="13">
    <mergeCell ref="A1:L1"/>
    <mergeCell ref="M1:N1"/>
    <mergeCell ref="B10:B24"/>
    <mergeCell ref="B25:B37"/>
    <mergeCell ref="B38:B44"/>
    <mergeCell ref="B110:B119"/>
    <mergeCell ref="B133:B138"/>
    <mergeCell ref="B45:B55"/>
    <mergeCell ref="B57:B63"/>
    <mergeCell ref="B64:B76"/>
    <mergeCell ref="B77:B86"/>
    <mergeCell ref="B87:B92"/>
    <mergeCell ref="B93:B107"/>
  </mergeCells>
  <phoneticPr fontId="3"/>
  <printOptions horizontalCentered="1"/>
  <pageMargins left="0.78740157480314965" right="0.78740157480314965" top="0.78740157480314965" bottom="0.59055118110236227" header="0.51181102362204722" footer="0.39370078740157483"/>
  <pageSetup paperSize="9" scale="81" fitToHeight="0" orientation="portrait" useFirstPageNumber="1" r:id="rId1"/>
  <headerFooter alignWithMargins="0">
    <oddFooter>&amp;C&amp;"ＭＳ ゴシック,標準"&amp;P</oddFooter>
  </headerFooter>
  <rowBreaks count="2" manualBreakCount="2">
    <brk id="56" max="13" man="1"/>
    <brk id="109" max="1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80103B3-62E9-4ACB-8531-0C4C4383DB69}">
  <sheetPr>
    <pageSetUpPr fitToPage="1"/>
  </sheetPr>
  <dimension ref="B1:N204"/>
  <sheetViews>
    <sheetView view="pageBreakPreview" topLeftCell="A149" zoomScale="85" zoomScaleNormal="85" zoomScaleSheetLayoutView="85" workbookViewId="0"/>
  </sheetViews>
  <sheetFormatPr defaultColWidth="9" defaultRowHeight="13.5" x14ac:dyDescent="0.15"/>
  <cols>
    <col min="1" max="2" width="1.5" style="7" customWidth="1"/>
    <col min="3" max="3" width="20.625" style="7" customWidth="1"/>
    <col min="4" max="4" width="14.125" style="7" bestFit="1" customWidth="1"/>
    <col min="5" max="5" width="10.5" style="8" bestFit="1" customWidth="1"/>
    <col min="6" max="7" width="9" style="8" customWidth="1"/>
    <col min="8" max="8" width="8.875" style="8" bestFit="1" customWidth="1"/>
    <col min="9" max="10" width="5.125" style="7" bestFit="1" customWidth="1"/>
    <col min="11" max="11" width="7.75" style="7" bestFit="1" customWidth="1"/>
    <col min="12" max="12" width="9.125" style="8" bestFit="1" customWidth="1"/>
    <col min="13" max="13" width="9.875" style="8" bestFit="1" customWidth="1"/>
    <col min="14" max="14" width="8.75" style="9" bestFit="1" customWidth="1"/>
    <col min="15" max="16384" width="9" style="7"/>
  </cols>
  <sheetData>
    <row r="1" spans="2:14" ht="14.25" customHeight="1" x14ac:dyDescent="0.15"/>
    <row r="2" spans="2:14" x14ac:dyDescent="0.15">
      <c r="B2" s="7" t="s">
        <v>253</v>
      </c>
    </row>
    <row r="3" spans="2:14" ht="7.5" customHeight="1" x14ac:dyDescent="0.15">
      <c r="B3" s="10"/>
      <c r="C3" s="11"/>
      <c r="D3" s="11"/>
      <c r="E3" s="246"/>
      <c r="F3" s="246"/>
      <c r="G3" s="266"/>
      <c r="H3" s="266"/>
      <c r="I3" s="245"/>
      <c r="J3" s="245"/>
      <c r="K3" s="245"/>
      <c r="L3" s="266"/>
      <c r="M3" s="266"/>
      <c r="N3" s="267"/>
    </row>
    <row r="4" spans="2:14" ht="15.75" customHeight="1" x14ac:dyDescent="0.15">
      <c r="B4" s="15"/>
      <c r="E4" s="16"/>
      <c r="F4" s="17"/>
      <c r="G4" s="18" t="s">
        <v>2</v>
      </c>
      <c r="H4" s="18"/>
      <c r="I4" s="189"/>
      <c r="J4" s="190"/>
      <c r="K4" s="191"/>
      <c r="L4" s="19" t="s">
        <v>123</v>
      </c>
      <c r="M4" s="20"/>
      <c r="N4" s="21"/>
    </row>
    <row r="5" spans="2:14" ht="14.25" customHeight="1" x14ac:dyDescent="0.15">
      <c r="B5" s="15"/>
      <c r="C5" s="7" t="s">
        <v>4</v>
      </c>
      <c r="D5" s="7" t="s">
        <v>40</v>
      </c>
      <c r="E5" s="22" t="s">
        <v>6</v>
      </c>
      <c r="F5" s="22" t="s">
        <v>7</v>
      </c>
      <c r="G5" s="23" t="s">
        <v>127</v>
      </c>
      <c r="H5" s="24" t="s">
        <v>9</v>
      </c>
      <c r="I5" s="128" t="s">
        <v>10</v>
      </c>
      <c r="J5" s="29"/>
      <c r="K5" s="29"/>
      <c r="L5" s="25" t="s">
        <v>11</v>
      </c>
      <c r="M5" s="24" t="s">
        <v>12</v>
      </c>
      <c r="N5" s="26" t="s">
        <v>129</v>
      </c>
    </row>
    <row r="6" spans="2:14" x14ac:dyDescent="0.15">
      <c r="B6" s="15"/>
      <c r="C6" s="27"/>
      <c r="D6" s="27"/>
      <c r="E6" s="30"/>
      <c r="F6" s="30" t="s">
        <v>14</v>
      </c>
      <c r="G6" s="31" t="s">
        <v>15</v>
      </c>
      <c r="H6" s="31" t="s">
        <v>16</v>
      </c>
      <c r="I6" s="128" t="s">
        <v>145</v>
      </c>
      <c r="J6" s="129"/>
      <c r="K6" s="130"/>
      <c r="L6" s="24" t="s">
        <v>132</v>
      </c>
      <c r="M6" s="32" t="s">
        <v>19</v>
      </c>
      <c r="N6" s="26"/>
    </row>
    <row r="7" spans="2:14" ht="7.5" customHeight="1" x14ac:dyDescent="0.15">
      <c r="B7" s="34"/>
      <c r="C7" s="35"/>
      <c r="D7" s="36"/>
      <c r="E7" s="37"/>
      <c r="F7" s="37"/>
      <c r="G7" s="38"/>
      <c r="H7" s="39"/>
      <c r="I7" s="40"/>
      <c r="J7" s="192"/>
      <c r="K7" s="193"/>
      <c r="L7" s="40"/>
      <c r="M7" s="39"/>
      <c r="N7" s="41"/>
    </row>
    <row r="8" spans="2:14" ht="7.5" customHeight="1" x14ac:dyDescent="0.15">
      <c r="B8" s="15"/>
      <c r="C8" s="27"/>
      <c r="D8" s="27"/>
      <c r="E8" s="83"/>
      <c r="F8" s="253"/>
      <c r="G8" s="76"/>
      <c r="H8" s="76"/>
      <c r="I8" s="85"/>
      <c r="J8" s="85"/>
      <c r="K8" s="85"/>
      <c r="L8" s="76"/>
      <c r="M8" s="76"/>
      <c r="N8" s="86"/>
    </row>
    <row r="9" spans="2:14" ht="14.25" customHeight="1" x14ac:dyDescent="0.15">
      <c r="B9" s="15"/>
      <c r="C9" s="7" t="s">
        <v>254</v>
      </c>
      <c r="D9" s="7" t="s">
        <v>255</v>
      </c>
      <c r="E9" s="43">
        <v>38</v>
      </c>
      <c r="F9" s="268">
        <v>38</v>
      </c>
      <c r="G9" s="8">
        <v>38</v>
      </c>
      <c r="H9" s="8">
        <v>0</v>
      </c>
      <c r="I9" s="8"/>
      <c r="J9" s="8"/>
      <c r="K9" s="8">
        <v>38</v>
      </c>
      <c r="L9" s="8">
        <v>0</v>
      </c>
      <c r="M9" s="123">
        <v>1</v>
      </c>
      <c r="N9" s="135">
        <v>0</v>
      </c>
    </row>
    <row r="10" spans="2:14" ht="14.25" customHeight="1" x14ac:dyDescent="0.15">
      <c r="B10" s="15"/>
      <c r="C10" s="7" t="s">
        <v>24</v>
      </c>
      <c r="D10" s="7" t="s">
        <v>256</v>
      </c>
      <c r="E10" s="43">
        <v>38</v>
      </c>
      <c r="F10" s="268">
        <v>44</v>
      </c>
      <c r="G10" s="8">
        <v>44</v>
      </c>
      <c r="H10" s="8">
        <v>0</v>
      </c>
      <c r="I10" s="8"/>
      <c r="J10" s="8"/>
      <c r="K10" s="8">
        <v>38</v>
      </c>
      <c r="L10" s="8">
        <v>0</v>
      </c>
      <c r="M10" s="123">
        <v>1.1599999999999999</v>
      </c>
      <c r="N10" s="135">
        <v>0</v>
      </c>
    </row>
    <row r="11" spans="2:14" ht="14.25" customHeight="1" x14ac:dyDescent="0.15">
      <c r="B11" s="15"/>
      <c r="C11" s="7" t="s">
        <v>47</v>
      </c>
      <c r="D11" s="7" t="s">
        <v>257</v>
      </c>
      <c r="E11" s="43">
        <v>38</v>
      </c>
      <c r="F11" s="268">
        <v>46</v>
      </c>
      <c r="G11" s="8">
        <v>46</v>
      </c>
      <c r="H11" s="8">
        <v>0</v>
      </c>
      <c r="I11" s="8"/>
      <c r="J11" s="8"/>
      <c r="K11" s="8">
        <v>38</v>
      </c>
      <c r="L11" s="8">
        <v>0</v>
      </c>
      <c r="M11" s="123">
        <v>1.21</v>
      </c>
      <c r="N11" s="135">
        <v>0</v>
      </c>
    </row>
    <row r="12" spans="2:14" ht="14.25" customHeight="1" x14ac:dyDescent="0.15">
      <c r="B12" s="15"/>
      <c r="C12" s="7" t="s">
        <v>47</v>
      </c>
      <c r="D12" s="7" t="s">
        <v>258</v>
      </c>
      <c r="E12" s="43">
        <v>38</v>
      </c>
      <c r="F12" s="268">
        <v>40</v>
      </c>
      <c r="G12" s="8">
        <v>40</v>
      </c>
      <c r="H12" s="8">
        <v>0</v>
      </c>
      <c r="I12" s="8"/>
      <c r="J12" s="8"/>
      <c r="K12" s="8">
        <v>38</v>
      </c>
      <c r="L12" s="8">
        <v>0</v>
      </c>
      <c r="M12" s="123">
        <v>1.05</v>
      </c>
      <c r="N12" s="135">
        <v>0</v>
      </c>
    </row>
    <row r="13" spans="2:14" ht="14.25" customHeight="1" x14ac:dyDescent="0.15">
      <c r="B13" s="15"/>
      <c r="D13" s="54" t="s">
        <v>186</v>
      </c>
      <c r="E13" s="49">
        <v>152</v>
      </c>
      <c r="F13" s="173">
        <v>168</v>
      </c>
      <c r="G13" s="173">
        <v>168</v>
      </c>
      <c r="H13" s="173">
        <v>0</v>
      </c>
      <c r="I13" s="173"/>
      <c r="J13" s="173"/>
      <c r="K13" s="173">
        <v>152</v>
      </c>
      <c r="L13" s="173">
        <v>0</v>
      </c>
      <c r="M13" s="127">
        <v>1.1100000000000001</v>
      </c>
      <c r="N13" s="269">
        <v>0</v>
      </c>
    </row>
    <row r="14" spans="2:14" ht="21.75" customHeight="1" x14ac:dyDescent="0.15">
      <c r="B14" s="15"/>
      <c r="C14" s="7" t="s">
        <v>259</v>
      </c>
      <c r="D14" s="7" t="s">
        <v>260</v>
      </c>
      <c r="E14" s="43">
        <v>38</v>
      </c>
      <c r="F14" s="268">
        <v>51</v>
      </c>
      <c r="G14" s="8">
        <v>51</v>
      </c>
      <c r="H14" s="8">
        <v>0</v>
      </c>
      <c r="I14" s="8"/>
      <c r="J14" s="8"/>
      <c r="K14" s="8">
        <v>39</v>
      </c>
      <c r="L14" s="8">
        <v>1</v>
      </c>
      <c r="M14" s="123">
        <v>1.28</v>
      </c>
      <c r="N14" s="135">
        <v>0</v>
      </c>
    </row>
    <row r="15" spans="2:14" ht="14.25" customHeight="1" x14ac:dyDescent="0.15">
      <c r="B15" s="15"/>
      <c r="C15" s="7" t="s">
        <v>47</v>
      </c>
      <c r="D15" s="7" t="s">
        <v>261</v>
      </c>
      <c r="E15" s="43">
        <v>38</v>
      </c>
      <c r="F15" s="268">
        <v>41</v>
      </c>
      <c r="G15" s="8">
        <v>41</v>
      </c>
      <c r="H15" s="8">
        <v>0</v>
      </c>
      <c r="I15" s="8"/>
      <c r="J15" s="8"/>
      <c r="K15" s="8">
        <v>38</v>
      </c>
      <c r="L15" s="8">
        <v>0</v>
      </c>
      <c r="M15" s="123">
        <v>1.08</v>
      </c>
      <c r="N15" s="135">
        <v>0</v>
      </c>
    </row>
    <row r="16" spans="2:14" ht="14.25" customHeight="1" x14ac:dyDescent="0.15">
      <c r="B16" s="15"/>
      <c r="C16" s="7" t="s">
        <v>47</v>
      </c>
      <c r="D16" s="7" t="s">
        <v>221</v>
      </c>
      <c r="E16" s="43">
        <v>38</v>
      </c>
      <c r="F16" s="268">
        <v>46</v>
      </c>
      <c r="G16" s="8">
        <v>46</v>
      </c>
      <c r="H16" s="8">
        <v>0</v>
      </c>
      <c r="I16" s="8"/>
      <c r="J16" s="8"/>
      <c r="K16" s="8">
        <v>38</v>
      </c>
      <c r="L16" s="8">
        <v>0</v>
      </c>
      <c r="M16" s="123">
        <v>1.21</v>
      </c>
      <c r="N16" s="135">
        <v>0</v>
      </c>
    </row>
    <row r="17" spans="2:14" ht="14.25" customHeight="1" x14ac:dyDescent="0.15">
      <c r="B17" s="15"/>
      <c r="D17" s="54" t="s">
        <v>186</v>
      </c>
      <c r="E17" s="49">
        <v>114</v>
      </c>
      <c r="F17" s="173">
        <v>138</v>
      </c>
      <c r="G17" s="173">
        <v>138</v>
      </c>
      <c r="H17" s="173">
        <v>0</v>
      </c>
      <c r="I17" s="173"/>
      <c r="J17" s="173"/>
      <c r="K17" s="173">
        <v>115</v>
      </c>
      <c r="L17" s="173">
        <v>1</v>
      </c>
      <c r="M17" s="127">
        <v>1.19</v>
      </c>
      <c r="N17" s="269">
        <v>0</v>
      </c>
    </row>
    <row r="18" spans="2:14" ht="21.75" customHeight="1" x14ac:dyDescent="0.15">
      <c r="B18" s="15"/>
      <c r="C18" s="7" t="s">
        <v>262</v>
      </c>
      <c r="D18" s="7" t="s">
        <v>263</v>
      </c>
      <c r="E18" s="43">
        <v>78</v>
      </c>
      <c r="F18" s="268">
        <v>72</v>
      </c>
      <c r="G18" s="8">
        <v>72</v>
      </c>
      <c r="H18" s="8">
        <v>0</v>
      </c>
      <c r="I18" s="8"/>
      <c r="J18" s="8"/>
      <c r="K18" s="8">
        <v>71</v>
      </c>
      <c r="L18" s="8">
        <v>1</v>
      </c>
      <c r="M18" s="123">
        <v>1</v>
      </c>
      <c r="N18" s="135">
        <v>7</v>
      </c>
    </row>
    <row r="19" spans="2:14" ht="14.25" customHeight="1" x14ac:dyDescent="0.15">
      <c r="B19" s="15"/>
      <c r="C19" s="7" t="s">
        <v>47</v>
      </c>
      <c r="D19" s="7" t="s">
        <v>260</v>
      </c>
      <c r="E19" s="43">
        <v>38</v>
      </c>
      <c r="F19" s="268">
        <v>38</v>
      </c>
      <c r="G19" s="8">
        <v>38</v>
      </c>
      <c r="H19" s="8">
        <v>0</v>
      </c>
      <c r="I19" s="8"/>
      <c r="J19" s="8"/>
      <c r="K19" s="8">
        <v>38</v>
      </c>
      <c r="L19" s="8">
        <v>0</v>
      </c>
      <c r="M19" s="123">
        <v>1</v>
      </c>
      <c r="N19" s="135">
        <v>0</v>
      </c>
    </row>
    <row r="20" spans="2:14" ht="14.25" customHeight="1" x14ac:dyDescent="0.15">
      <c r="B20" s="15"/>
      <c r="C20" s="7" t="s">
        <v>47</v>
      </c>
      <c r="D20" s="7" t="s">
        <v>258</v>
      </c>
      <c r="E20" s="43">
        <v>78</v>
      </c>
      <c r="F20" s="268">
        <v>70</v>
      </c>
      <c r="G20" s="8">
        <v>69</v>
      </c>
      <c r="H20" s="8">
        <v>1</v>
      </c>
      <c r="I20" s="8"/>
      <c r="J20" s="8"/>
      <c r="K20" s="8">
        <v>70</v>
      </c>
      <c r="L20" s="8">
        <v>0</v>
      </c>
      <c r="M20" s="123">
        <v>1</v>
      </c>
      <c r="N20" s="135">
        <v>8</v>
      </c>
    </row>
    <row r="21" spans="2:14" ht="14.25" customHeight="1" x14ac:dyDescent="0.15">
      <c r="B21" s="15"/>
      <c r="D21" s="54" t="s">
        <v>186</v>
      </c>
      <c r="E21" s="49">
        <v>194</v>
      </c>
      <c r="F21" s="173">
        <v>180</v>
      </c>
      <c r="G21" s="173">
        <v>179</v>
      </c>
      <c r="H21" s="173">
        <v>1</v>
      </c>
      <c r="I21" s="173"/>
      <c r="J21" s="173"/>
      <c r="K21" s="173">
        <v>179</v>
      </c>
      <c r="L21" s="173">
        <v>1</v>
      </c>
      <c r="M21" s="127">
        <v>1</v>
      </c>
      <c r="N21" s="269">
        <v>15</v>
      </c>
    </row>
    <row r="22" spans="2:14" ht="7.5" customHeight="1" x14ac:dyDescent="0.15">
      <c r="B22" s="94"/>
      <c r="C22" s="176"/>
      <c r="D22" s="176"/>
      <c r="E22" s="270"/>
      <c r="F22" s="97"/>
      <c r="G22" s="97"/>
      <c r="H22" s="97"/>
      <c r="I22" s="177"/>
      <c r="J22" s="177"/>
      <c r="K22" s="177"/>
      <c r="L22" s="180"/>
      <c r="M22" s="181"/>
      <c r="N22" s="271"/>
    </row>
    <row r="23" spans="2:14" ht="7.5" customHeight="1" x14ac:dyDescent="0.15">
      <c r="B23" s="15"/>
      <c r="E23" s="43"/>
      <c r="I23" s="169"/>
      <c r="J23" s="169"/>
      <c r="K23" s="169"/>
      <c r="L23" s="122"/>
      <c r="M23" s="123"/>
      <c r="N23" s="272"/>
    </row>
    <row r="24" spans="2:14" ht="14.25" customHeight="1" x14ac:dyDescent="0.15">
      <c r="B24" s="15"/>
      <c r="C24" s="419" t="s">
        <v>37</v>
      </c>
      <c r="D24" s="420"/>
      <c r="E24" s="49">
        <v>460</v>
      </c>
      <c r="F24" s="173">
        <v>486</v>
      </c>
      <c r="G24" s="173">
        <v>485</v>
      </c>
      <c r="H24" s="173">
        <v>1</v>
      </c>
      <c r="I24" s="173"/>
      <c r="J24" s="173"/>
      <c r="K24" s="173">
        <v>446</v>
      </c>
      <c r="L24" s="173">
        <v>2</v>
      </c>
      <c r="M24" s="127">
        <v>1.0900000000000001</v>
      </c>
      <c r="N24" s="269">
        <v>15</v>
      </c>
    </row>
    <row r="25" spans="2:14" ht="7.5" customHeight="1" x14ac:dyDescent="0.15">
      <c r="B25" s="34"/>
      <c r="C25" s="185"/>
      <c r="D25" s="185"/>
      <c r="E25" s="273"/>
      <c r="F25" s="185"/>
      <c r="G25" s="185"/>
      <c r="H25" s="185"/>
      <c r="I25" s="35"/>
      <c r="J25" s="35"/>
      <c r="K25" s="35"/>
      <c r="L25" s="185"/>
      <c r="M25" s="185"/>
      <c r="N25" s="274"/>
    </row>
    <row r="26" spans="2:14" x14ac:dyDescent="0.15">
      <c r="B26" s="101"/>
      <c r="E26" s="101"/>
      <c r="F26" s="101"/>
      <c r="G26" s="7"/>
      <c r="H26" s="7"/>
      <c r="L26" s="7"/>
      <c r="M26" s="7"/>
      <c r="N26" s="7"/>
    </row>
    <row r="27" spans="2:14" ht="14.25" customHeight="1" x14ac:dyDescent="0.15">
      <c r="B27" s="7" t="s">
        <v>264</v>
      </c>
      <c r="I27" s="27"/>
      <c r="J27" s="27"/>
      <c r="K27" s="27"/>
    </row>
    <row r="28" spans="2:14" ht="7.5" customHeight="1" x14ac:dyDescent="0.15">
      <c r="B28" s="10"/>
      <c r="C28" s="11"/>
      <c r="D28" s="11"/>
      <c r="E28" s="246"/>
      <c r="F28" s="246"/>
      <c r="G28" s="266"/>
      <c r="H28" s="266"/>
      <c r="I28" s="245"/>
      <c r="J28" s="245"/>
      <c r="K28" s="245"/>
      <c r="L28" s="266"/>
      <c r="M28" s="266"/>
      <c r="N28" s="267"/>
    </row>
    <row r="29" spans="2:14" ht="15.75" customHeight="1" x14ac:dyDescent="0.15">
      <c r="B29" s="15"/>
      <c r="E29" s="16"/>
      <c r="F29" s="17"/>
      <c r="G29" s="18" t="s">
        <v>2</v>
      </c>
      <c r="H29" s="18"/>
      <c r="I29" s="189"/>
      <c r="J29" s="190"/>
      <c r="K29" s="191"/>
      <c r="L29" s="19" t="s">
        <v>123</v>
      </c>
      <c r="M29" s="20"/>
      <c r="N29" s="21"/>
    </row>
    <row r="30" spans="2:14" ht="14.25" customHeight="1" x14ac:dyDescent="0.15">
      <c r="B30" s="15"/>
      <c r="C30" s="7" t="s">
        <v>4</v>
      </c>
      <c r="D30" s="7" t="s">
        <v>40</v>
      </c>
      <c r="E30" s="22" t="s">
        <v>6</v>
      </c>
      <c r="F30" s="22" t="s">
        <v>7</v>
      </c>
      <c r="G30" s="23" t="s">
        <v>127</v>
      </c>
      <c r="H30" s="24" t="s">
        <v>9</v>
      </c>
      <c r="I30" s="128" t="s">
        <v>10</v>
      </c>
      <c r="J30" s="29"/>
      <c r="K30" s="29"/>
      <c r="L30" s="25" t="s">
        <v>11</v>
      </c>
      <c r="M30" s="24" t="s">
        <v>12</v>
      </c>
      <c r="N30" s="26" t="s">
        <v>129</v>
      </c>
    </row>
    <row r="31" spans="2:14" ht="14.25" customHeight="1" x14ac:dyDescent="0.15">
      <c r="B31" s="15"/>
      <c r="C31" s="27"/>
      <c r="D31" s="27"/>
      <c r="E31" s="30"/>
      <c r="F31" s="30" t="s">
        <v>14</v>
      </c>
      <c r="G31" s="31" t="s">
        <v>15</v>
      </c>
      <c r="H31" s="31" t="s">
        <v>16</v>
      </c>
      <c r="I31" s="128" t="s">
        <v>145</v>
      </c>
      <c r="J31" s="129"/>
      <c r="K31" s="130"/>
      <c r="L31" s="24" t="s">
        <v>132</v>
      </c>
      <c r="M31" s="32" t="s">
        <v>19</v>
      </c>
      <c r="N31" s="26"/>
    </row>
    <row r="32" spans="2:14" ht="7.5" customHeight="1" x14ac:dyDescent="0.15">
      <c r="B32" s="34"/>
      <c r="C32" s="35"/>
      <c r="D32" s="36"/>
      <c r="E32" s="37"/>
      <c r="F32" s="37"/>
      <c r="G32" s="38"/>
      <c r="H32" s="39"/>
      <c r="I32" s="40"/>
      <c r="J32" s="192"/>
      <c r="K32" s="193"/>
      <c r="L32" s="40"/>
      <c r="M32" s="39"/>
      <c r="N32" s="41"/>
    </row>
    <row r="33" spans="2:14" ht="7.5" customHeight="1" x14ac:dyDescent="0.15">
      <c r="B33" s="10"/>
      <c r="C33" s="27"/>
      <c r="D33" s="27"/>
      <c r="E33" s="83"/>
      <c r="F33" s="253"/>
      <c r="G33" s="76"/>
      <c r="H33" s="76"/>
      <c r="I33" s="85"/>
      <c r="J33" s="85"/>
      <c r="K33" s="85"/>
      <c r="L33" s="76"/>
      <c r="M33" s="76"/>
      <c r="N33" s="86"/>
    </row>
    <row r="34" spans="2:14" x14ac:dyDescent="0.15">
      <c r="B34" s="15"/>
      <c r="C34" s="7" t="s">
        <v>153</v>
      </c>
      <c r="D34" s="7" t="s">
        <v>265</v>
      </c>
      <c r="E34" s="43">
        <v>78</v>
      </c>
      <c r="F34" s="268">
        <v>84</v>
      </c>
      <c r="G34" s="8">
        <v>84</v>
      </c>
      <c r="H34" s="8">
        <v>0</v>
      </c>
      <c r="I34" s="8"/>
      <c r="J34" s="8"/>
      <c r="K34" s="8">
        <v>79</v>
      </c>
      <c r="L34" s="8">
        <v>2</v>
      </c>
      <c r="M34" s="123">
        <v>1.04</v>
      </c>
      <c r="N34" s="135">
        <v>0</v>
      </c>
    </row>
    <row r="35" spans="2:14" ht="14.25" customHeight="1" x14ac:dyDescent="0.15">
      <c r="B35" s="15"/>
      <c r="C35" s="7" t="s">
        <v>47</v>
      </c>
      <c r="D35" s="7" t="s">
        <v>266</v>
      </c>
      <c r="E35" s="43">
        <v>78</v>
      </c>
      <c r="F35" s="268">
        <v>81</v>
      </c>
      <c r="G35" s="8">
        <v>81</v>
      </c>
      <c r="H35" s="8">
        <v>0</v>
      </c>
      <c r="I35" s="8"/>
      <c r="J35" s="8"/>
      <c r="K35" s="8">
        <v>80</v>
      </c>
      <c r="L35" s="8">
        <v>0</v>
      </c>
      <c r="M35" s="123">
        <v>1.01</v>
      </c>
      <c r="N35" s="135">
        <v>0</v>
      </c>
    </row>
    <row r="36" spans="2:14" ht="14.25" customHeight="1" x14ac:dyDescent="0.15">
      <c r="B36" s="15"/>
      <c r="C36" s="7" t="s">
        <v>47</v>
      </c>
      <c r="D36" s="7" t="s">
        <v>267</v>
      </c>
      <c r="E36" s="43">
        <v>118</v>
      </c>
      <c r="F36" s="268">
        <v>127</v>
      </c>
      <c r="G36" s="8">
        <v>127</v>
      </c>
      <c r="H36" s="8">
        <v>0</v>
      </c>
      <c r="I36" s="8"/>
      <c r="J36" s="8"/>
      <c r="K36" s="8">
        <v>120</v>
      </c>
      <c r="L36" s="8">
        <v>2</v>
      </c>
      <c r="M36" s="123">
        <v>1.04</v>
      </c>
      <c r="N36" s="135">
        <v>0</v>
      </c>
    </row>
    <row r="37" spans="2:14" ht="14.25" customHeight="1" x14ac:dyDescent="0.15">
      <c r="B37" s="15"/>
      <c r="C37" s="7" t="s">
        <v>47</v>
      </c>
      <c r="D37" s="7" t="s">
        <v>268</v>
      </c>
      <c r="E37" s="43">
        <v>38</v>
      </c>
      <c r="F37" s="268">
        <v>56</v>
      </c>
      <c r="G37" s="8">
        <v>56</v>
      </c>
      <c r="H37" s="8">
        <v>0</v>
      </c>
      <c r="I37" s="8"/>
      <c r="J37" s="8"/>
      <c r="K37" s="8">
        <v>40</v>
      </c>
      <c r="L37" s="8">
        <v>0</v>
      </c>
      <c r="M37" s="123">
        <v>1.4</v>
      </c>
      <c r="N37" s="135">
        <v>0</v>
      </c>
    </row>
    <row r="38" spans="2:14" ht="14.25" customHeight="1" x14ac:dyDescent="0.15">
      <c r="B38" s="15"/>
      <c r="D38" s="54" t="s">
        <v>186</v>
      </c>
      <c r="E38" s="49">
        <v>312</v>
      </c>
      <c r="F38" s="173">
        <v>348</v>
      </c>
      <c r="G38" s="173">
        <v>348</v>
      </c>
      <c r="H38" s="173">
        <v>0</v>
      </c>
      <c r="I38" s="173"/>
      <c r="J38" s="173"/>
      <c r="K38" s="173">
        <v>319</v>
      </c>
      <c r="L38" s="173">
        <v>4</v>
      </c>
      <c r="M38" s="127">
        <v>1.08</v>
      </c>
      <c r="N38" s="269">
        <v>0</v>
      </c>
    </row>
    <row r="39" spans="2:14" ht="21.75" customHeight="1" x14ac:dyDescent="0.15">
      <c r="B39" s="15"/>
      <c r="C39" s="7" t="s">
        <v>269</v>
      </c>
      <c r="D39" s="7" t="s">
        <v>270</v>
      </c>
      <c r="E39" s="43">
        <v>118</v>
      </c>
      <c r="F39" s="268">
        <v>102</v>
      </c>
      <c r="G39" s="8">
        <v>102</v>
      </c>
      <c r="H39" s="8">
        <v>0</v>
      </c>
      <c r="I39" s="8"/>
      <c r="J39" s="8"/>
      <c r="K39" s="8">
        <v>102</v>
      </c>
      <c r="L39" s="8">
        <v>0</v>
      </c>
      <c r="M39" s="123">
        <v>1</v>
      </c>
      <c r="N39" s="135">
        <v>16</v>
      </c>
    </row>
    <row r="40" spans="2:14" ht="21.75" customHeight="1" x14ac:dyDescent="0.15">
      <c r="B40" s="15"/>
      <c r="C40" s="7" t="s">
        <v>271</v>
      </c>
      <c r="D40" s="7" t="s">
        <v>265</v>
      </c>
      <c r="E40" s="43">
        <v>76</v>
      </c>
      <c r="F40" s="268">
        <v>75</v>
      </c>
      <c r="G40" s="8">
        <v>75</v>
      </c>
      <c r="H40" s="8">
        <v>0</v>
      </c>
      <c r="I40" s="8"/>
      <c r="J40" s="8"/>
      <c r="K40" s="8">
        <v>75</v>
      </c>
      <c r="L40" s="8">
        <v>1</v>
      </c>
      <c r="M40" s="123">
        <v>0.99</v>
      </c>
      <c r="N40" s="135">
        <v>1</v>
      </c>
    </row>
    <row r="41" spans="2:14" ht="14.25" customHeight="1" x14ac:dyDescent="0.15">
      <c r="B41" s="15"/>
      <c r="C41" s="7" t="s">
        <v>47</v>
      </c>
      <c r="D41" s="7" t="s">
        <v>267</v>
      </c>
      <c r="E41" s="43">
        <v>76</v>
      </c>
      <c r="F41" s="268">
        <v>77</v>
      </c>
      <c r="G41" s="8">
        <v>77</v>
      </c>
      <c r="H41" s="8">
        <v>0</v>
      </c>
      <c r="I41" s="8"/>
      <c r="J41" s="8"/>
      <c r="K41" s="8">
        <v>76</v>
      </c>
      <c r="L41" s="8">
        <v>0</v>
      </c>
      <c r="M41" s="123">
        <v>1.01</v>
      </c>
      <c r="N41" s="135">
        <v>0</v>
      </c>
    </row>
    <row r="42" spans="2:14" ht="14.25" customHeight="1" x14ac:dyDescent="0.15">
      <c r="B42" s="15"/>
      <c r="C42" s="7" t="s">
        <v>47</v>
      </c>
      <c r="D42" s="7" t="s">
        <v>266</v>
      </c>
      <c r="E42" s="43">
        <v>36</v>
      </c>
      <c r="F42" s="268">
        <v>38</v>
      </c>
      <c r="G42" s="8">
        <v>38</v>
      </c>
      <c r="H42" s="8">
        <v>0</v>
      </c>
      <c r="I42" s="8"/>
      <c r="J42" s="8"/>
      <c r="K42" s="8">
        <v>36</v>
      </c>
      <c r="L42" s="8">
        <v>1</v>
      </c>
      <c r="M42" s="123">
        <v>1.03</v>
      </c>
      <c r="N42" s="135">
        <v>0</v>
      </c>
    </row>
    <row r="43" spans="2:14" ht="14.25" customHeight="1" x14ac:dyDescent="0.15">
      <c r="B43" s="15"/>
      <c r="C43" s="7" t="s">
        <v>47</v>
      </c>
      <c r="D43" s="7" t="s">
        <v>272</v>
      </c>
      <c r="E43" s="43">
        <v>36</v>
      </c>
      <c r="F43" s="268">
        <v>20</v>
      </c>
      <c r="G43" s="8">
        <v>19</v>
      </c>
      <c r="H43" s="8">
        <v>1</v>
      </c>
      <c r="I43" s="8"/>
      <c r="J43" s="8"/>
      <c r="K43" s="8">
        <v>20</v>
      </c>
      <c r="L43" s="8">
        <v>0</v>
      </c>
      <c r="M43" s="123">
        <v>1</v>
      </c>
      <c r="N43" s="135">
        <v>16</v>
      </c>
    </row>
    <row r="44" spans="2:14" ht="14.25" customHeight="1" x14ac:dyDescent="0.15">
      <c r="B44" s="15"/>
      <c r="D44" s="54" t="s">
        <v>186</v>
      </c>
      <c r="E44" s="49">
        <v>224</v>
      </c>
      <c r="F44" s="173">
        <v>210</v>
      </c>
      <c r="G44" s="173">
        <v>209</v>
      </c>
      <c r="H44" s="173">
        <v>1</v>
      </c>
      <c r="I44" s="173"/>
      <c r="J44" s="173"/>
      <c r="K44" s="173">
        <v>207</v>
      </c>
      <c r="L44" s="173">
        <v>2</v>
      </c>
      <c r="M44" s="127">
        <v>1</v>
      </c>
      <c r="N44" s="269">
        <v>17</v>
      </c>
    </row>
    <row r="45" spans="2:14" ht="21.75" customHeight="1" x14ac:dyDescent="0.15">
      <c r="B45" s="15"/>
      <c r="C45" s="7" t="s">
        <v>273</v>
      </c>
      <c r="D45" s="7" t="s">
        <v>270</v>
      </c>
      <c r="E45" s="43">
        <v>238</v>
      </c>
      <c r="F45" s="268">
        <v>246</v>
      </c>
      <c r="G45" s="8">
        <v>244</v>
      </c>
      <c r="H45" s="8">
        <v>2</v>
      </c>
      <c r="I45" s="8"/>
      <c r="J45" s="8"/>
      <c r="K45" s="8">
        <v>238</v>
      </c>
      <c r="L45" s="8">
        <v>2</v>
      </c>
      <c r="M45" s="123">
        <v>1.03</v>
      </c>
      <c r="N45" s="135">
        <v>0</v>
      </c>
    </row>
    <row r="46" spans="2:14" ht="21.75" customHeight="1" x14ac:dyDescent="0.15">
      <c r="B46" s="15"/>
      <c r="C46" s="7" t="s">
        <v>274</v>
      </c>
      <c r="D46" s="7" t="s">
        <v>265</v>
      </c>
      <c r="E46" s="43">
        <v>78</v>
      </c>
      <c r="F46" s="268">
        <v>63</v>
      </c>
      <c r="G46" s="8">
        <v>63</v>
      </c>
      <c r="H46" s="8">
        <v>0</v>
      </c>
      <c r="I46" s="8"/>
      <c r="J46" s="8"/>
      <c r="K46" s="8">
        <v>63</v>
      </c>
      <c r="L46" s="8">
        <v>0</v>
      </c>
      <c r="M46" s="123">
        <v>1</v>
      </c>
      <c r="N46" s="135">
        <v>15</v>
      </c>
    </row>
    <row r="47" spans="2:14" ht="14.25" customHeight="1" x14ac:dyDescent="0.15">
      <c r="B47" s="15"/>
      <c r="C47" s="7" t="s">
        <v>47</v>
      </c>
      <c r="D47" s="7" t="s">
        <v>266</v>
      </c>
      <c r="E47" s="43">
        <v>78</v>
      </c>
      <c r="F47" s="268">
        <v>56</v>
      </c>
      <c r="G47" s="8">
        <v>55</v>
      </c>
      <c r="H47" s="8">
        <v>1</v>
      </c>
      <c r="I47" s="8"/>
      <c r="J47" s="8"/>
      <c r="K47" s="8">
        <v>56</v>
      </c>
      <c r="L47" s="8">
        <v>0</v>
      </c>
      <c r="M47" s="123">
        <v>1</v>
      </c>
      <c r="N47" s="135">
        <v>22</v>
      </c>
    </row>
    <row r="48" spans="2:14" ht="14.25" customHeight="1" x14ac:dyDescent="0.15">
      <c r="B48" s="15"/>
      <c r="C48" s="7" t="s">
        <v>47</v>
      </c>
      <c r="D48" s="7" t="s">
        <v>275</v>
      </c>
      <c r="E48" s="43">
        <v>78</v>
      </c>
      <c r="F48" s="268">
        <v>62</v>
      </c>
      <c r="G48" s="8">
        <v>62</v>
      </c>
      <c r="H48" s="8">
        <v>0</v>
      </c>
      <c r="I48" s="8"/>
      <c r="J48" s="8"/>
      <c r="K48" s="8">
        <v>62</v>
      </c>
      <c r="L48" s="8">
        <v>0</v>
      </c>
      <c r="M48" s="123">
        <v>1</v>
      </c>
      <c r="N48" s="135">
        <v>16</v>
      </c>
    </row>
    <row r="49" spans="2:14" ht="14.25" customHeight="1" x14ac:dyDescent="0.15">
      <c r="B49" s="15"/>
      <c r="D49" s="54" t="s">
        <v>186</v>
      </c>
      <c r="E49" s="49">
        <v>234</v>
      </c>
      <c r="F49" s="173">
        <v>181</v>
      </c>
      <c r="G49" s="173">
        <v>180</v>
      </c>
      <c r="H49" s="173">
        <v>1</v>
      </c>
      <c r="I49" s="173"/>
      <c r="J49" s="173"/>
      <c r="K49" s="173">
        <v>181</v>
      </c>
      <c r="L49" s="173">
        <v>0</v>
      </c>
      <c r="M49" s="127">
        <v>1</v>
      </c>
      <c r="N49" s="269">
        <v>53</v>
      </c>
    </row>
    <row r="50" spans="2:14" ht="7.5" customHeight="1" x14ac:dyDescent="0.15">
      <c r="B50" s="34"/>
      <c r="C50" s="185"/>
      <c r="D50" s="185"/>
      <c r="E50" s="65"/>
      <c r="F50" s="66"/>
      <c r="G50" s="66"/>
      <c r="H50" s="66"/>
      <c r="I50" s="188"/>
      <c r="J50" s="188"/>
      <c r="K50" s="188"/>
      <c r="L50" s="66"/>
      <c r="M50" s="66"/>
      <c r="N50" s="68"/>
    </row>
    <row r="51" spans="2:14" x14ac:dyDescent="0.15">
      <c r="B51" s="421" t="s">
        <v>276</v>
      </c>
      <c r="C51" s="421"/>
      <c r="D51" s="421"/>
      <c r="E51" s="421"/>
      <c r="F51" s="421"/>
      <c r="G51" s="421"/>
      <c r="H51" s="421"/>
      <c r="I51" s="421"/>
      <c r="J51" s="421"/>
      <c r="K51" s="421"/>
      <c r="L51" s="421"/>
      <c r="M51" s="421"/>
      <c r="N51" s="421"/>
    </row>
    <row r="52" spans="2:14" x14ac:dyDescent="0.15">
      <c r="B52" s="275"/>
      <c r="C52" s="275"/>
      <c r="D52" s="275"/>
      <c r="E52" s="275"/>
      <c r="F52" s="275"/>
      <c r="G52" s="275"/>
      <c r="H52" s="275"/>
      <c r="I52" s="275"/>
      <c r="J52" s="275"/>
      <c r="K52" s="275"/>
      <c r="L52" s="275"/>
      <c r="M52" s="275"/>
      <c r="N52" s="275"/>
    </row>
    <row r="53" spans="2:14" ht="7.5" customHeight="1" x14ac:dyDescent="0.15">
      <c r="B53" s="10"/>
      <c r="C53" s="11"/>
      <c r="D53" s="11"/>
      <c r="E53" s="246"/>
      <c r="F53" s="246"/>
      <c r="G53" s="266"/>
      <c r="H53" s="266"/>
      <c r="I53" s="245"/>
      <c r="J53" s="245"/>
      <c r="K53" s="245"/>
      <c r="L53" s="266"/>
      <c r="M53" s="266"/>
      <c r="N53" s="267"/>
    </row>
    <row r="54" spans="2:14" ht="15.75" customHeight="1" x14ac:dyDescent="0.15">
      <c r="B54" s="15"/>
      <c r="E54" s="16"/>
      <c r="F54" s="17"/>
      <c r="G54" s="18" t="s">
        <v>2</v>
      </c>
      <c r="H54" s="18"/>
      <c r="I54" s="189"/>
      <c r="J54" s="190"/>
      <c r="K54" s="191"/>
      <c r="L54" s="19" t="s">
        <v>123</v>
      </c>
      <c r="M54" s="20"/>
      <c r="N54" s="21"/>
    </row>
    <row r="55" spans="2:14" ht="14.25" customHeight="1" x14ac:dyDescent="0.15">
      <c r="B55" s="15"/>
      <c r="C55" s="7" t="s">
        <v>4</v>
      </c>
      <c r="D55" s="7" t="s">
        <v>40</v>
      </c>
      <c r="E55" s="22" t="s">
        <v>6</v>
      </c>
      <c r="F55" s="22" t="s">
        <v>7</v>
      </c>
      <c r="G55" s="23" t="s">
        <v>127</v>
      </c>
      <c r="H55" s="24" t="s">
        <v>9</v>
      </c>
      <c r="I55" s="128" t="s">
        <v>10</v>
      </c>
      <c r="J55" s="29"/>
      <c r="K55" s="29"/>
      <c r="L55" s="25" t="s">
        <v>11</v>
      </c>
      <c r="M55" s="24" t="s">
        <v>12</v>
      </c>
      <c r="N55" s="26" t="s">
        <v>129</v>
      </c>
    </row>
    <row r="56" spans="2:14" ht="14.25" customHeight="1" x14ac:dyDescent="0.15">
      <c r="B56" s="15"/>
      <c r="C56" s="27"/>
      <c r="D56" s="27"/>
      <c r="E56" s="30"/>
      <c r="F56" s="30" t="s">
        <v>14</v>
      </c>
      <c r="G56" s="31" t="s">
        <v>15</v>
      </c>
      <c r="H56" s="31" t="s">
        <v>16</v>
      </c>
      <c r="I56" s="128" t="s">
        <v>145</v>
      </c>
      <c r="J56" s="129"/>
      <c r="K56" s="130"/>
      <c r="L56" s="24" t="s">
        <v>132</v>
      </c>
      <c r="M56" s="32" t="s">
        <v>19</v>
      </c>
      <c r="N56" s="26"/>
    </row>
    <row r="57" spans="2:14" ht="7.5" customHeight="1" x14ac:dyDescent="0.15">
      <c r="B57" s="34"/>
      <c r="C57" s="35"/>
      <c r="D57" s="35"/>
      <c r="E57" s="37"/>
      <c r="F57" s="37"/>
      <c r="G57" s="38"/>
      <c r="H57" s="39"/>
      <c r="I57" s="40"/>
      <c r="J57" s="192"/>
      <c r="K57" s="193"/>
      <c r="L57" s="40"/>
      <c r="M57" s="39"/>
      <c r="N57" s="41"/>
    </row>
    <row r="58" spans="2:14" ht="7.5" customHeight="1" x14ac:dyDescent="0.15">
      <c r="B58" s="10"/>
      <c r="C58" s="13"/>
      <c r="D58" s="13"/>
      <c r="E58" s="83"/>
      <c r="F58" s="246"/>
      <c r="G58" s="266"/>
      <c r="H58" s="266"/>
      <c r="I58" s="245"/>
      <c r="J58" s="245"/>
      <c r="K58" s="245"/>
      <c r="L58" s="266"/>
      <c r="M58" s="266"/>
      <c r="N58" s="267"/>
    </row>
    <row r="59" spans="2:14" x14ac:dyDescent="0.15">
      <c r="B59" s="15"/>
      <c r="C59" s="7" t="s">
        <v>277</v>
      </c>
      <c r="D59" s="7" t="s">
        <v>265</v>
      </c>
      <c r="E59" s="43">
        <v>78</v>
      </c>
      <c r="F59" s="268">
        <v>48</v>
      </c>
      <c r="G59" s="8">
        <v>48</v>
      </c>
      <c r="H59" s="8">
        <v>0</v>
      </c>
      <c r="I59" s="8"/>
      <c r="J59" s="8"/>
      <c r="K59" s="8">
        <v>48</v>
      </c>
      <c r="L59" s="8">
        <v>0</v>
      </c>
      <c r="M59" s="123">
        <v>1</v>
      </c>
      <c r="N59" s="135">
        <v>30</v>
      </c>
    </row>
    <row r="60" spans="2:14" ht="14.25" customHeight="1" x14ac:dyDescent="0.15">
      <c r="B60" s="15"/>
      <c r="C60" s="7" t="s">
        <v>47</v>
      </c>
      <c r="D60" s="7" t="s">
        <v>267</v>
      </c>
      <c r="E60" s="43">
        <v>78</v>
      </c>
      <c r="F60" s="268">
        <v>64</v>
      </c>
      <c r="G60" s="8">
        <v>64</v>
      </c>
      <c r="H60" s="8">
        <v>0</v>
      </c>
      <c r="I60" s="8"/>
      <c r="J60" s="8"/>
      <c r="K60" s="8">
        <v>64</v>
      </c>
      <c r="L60" s="8">
        <v>0</v>
      </c>
      <c r="M60" s="123">
        <v>1</v>
      </c>
      <c r="N60" s="135">
        <v>14</v>
      </c>
    </row>
    <row r="61" spans="2:14" ht="14.25" customHeight="1" x14ac:dyDescent="0.15">
      <c r="B61" s="15"/>
      <c r="C61" s="7" t="s">
        <v>24</v>
      </c>
      <c r="D61" s="7" t="s">
        <v>278</v>
      </c>
      <c r="E61" s="43">
        <v>38</v>
      </c>
      <c r="F61" s="268">
        <v>35</v>
      </c>
      <c r="G61" s="8">
        <v>35</v>
      </c>
      <c r="H61" s="8">
        <v>0</v>
      </c>
      <c r="I61" s="8"/>
      <c r="J61" s="8"/>
      <c r="K61" s="8">
        <v>35</v>
      </c>
      <c r="L61" s="8">
        <v>0</v>
      </c>
      <c r="M61" s="123">
        <v>1</v>
      </c>
      <c r="N61" s="135">
        <v>3</v>
      </c>
    </row>
    <row r="62" spans="2:14" ht="15" customHeight="1" x14ac:dyDescent="0.15">
      <c r="B62" s="15"/>
      <c r="C62" s="7" t="s">
        <v>47</v>
      </c>
      <c r="D62" s="7" t="s">
        <v>272</v>
      </c>
      <c r="E62" s="43">
        <v>38</v>
      </c>
      <c r="F62" s="268">
        <v>32</v>
      </c>
      <c r="G62" s="8">
        <v>32</v>
      </c>
      <c r="H62" s="8">
        <v>0</v>
      </c>
      <c r="I62" s="8"/>
      <c r="J62" s="8"/>
      <c r="K62" s="8">
        <v>32</v>
      </c>
      <c r="L62" s="8">
        <v>0</v>
      </c>
      <c r="M62" s="123">
        <v>1</v>
      </c>
      <c r="N62" s="135">
        <v>6</v>
      </c>
    </row>
    <row r="63" spans="2:14" ht="14.25" customHeight="1" x14ac:dyDescent="0.15">
      <c r="B63" s="15"/>
      <c r="D63" s="54" t="s">
        <v>186</v>
      </c>
      <c r="E63" s="49">
        <v>232</v>
      </c>
      <c r="F63" s="173">
        <v>179</v>
      </c>
      <c r="G63" s="173">
        <v>179</v>
      </c>
      <c r="H63" s="173">
        <v>0</v>
      </c>
      <c r="I63" s="173"/>
      <c r="J63" s="173"/>
      <c r="K63" s="173">
        <v>179</v>
      </c>
      <c r="L63" s="173">
        <v>0</v>
      </c>
      <c r="M63" s="127">
        <v>1</v>
      </c>
      <c r="N63" s="269">
        <v>53</v>
      </c>
    </row>
    <row r="64" spans="2:14" ht="21.75" customHeight="1" x14ac:dyDescent="0.15">
      <c r="B64" s="15"/>
      <c r="C64" s="7" t="s">
        <v>279</v>
      </c>
      <c r="D64" s="7" t="s">
        <v>280</v>
      </c>
      <c r="E64" s="43">
        <v>238</v>
      </c>
      <c r="F64" s="268">
        <v>127</v>
      </c>
      <c r="G64" s="8">
        <v>126</v>
      </c>
      <c r="H64" s="8">
        <v>1</v>
      </c>
      <c r="I64" s="8"/>
      <c r="J64" s="8"/>
      <c r="K64" s="8">
        <v>127</v>
      </c>
      <c r="L64" s="8">
        <v>0</v>
      </c>
      <c r="M64" s="123">
        <v>1</v>
      </c>
      <c r="N64" s="135">
        <v>111</v>
      </c>
    </row>
    <row r="65" spans="2:14" ht="21.75" customHeight="1" x14ac:dyDescent="0.15">
      <c r="B65" s="15"/>
      <c r="C65" s="7" t="s">
        <v>281</v>
      </c>
      <c r="D65" s="7" t="s">
        <v>280</v>
      </c>
      <c r="E65" s="43">
        <v>238</v>
      </c>
      <c r="F65" s="268">
        <v>159</v>
      </c>
      <c r="G65" s="8">
        <v>158</v>
      </c>
      <c r="H65" s="8">
        <v>1</v>
      </c>
      <c r="I65" s="8"/>
      <c r="J65" s="8"/>
      <c r="K65" s="8">
        <v>158</v>
      </c>
      <c r="L65" s="8">
        <v>1</v>
      </c>
      <c r="M65" s="123">
        <v>1</v>
      </c>
      <c r="N65" s="135">
        <v>80</v>
      </c>
    </row>
    <row r="66" spans="2:14" ht="21.75" customHeight="1" x14ac:dyDescent="0.15">
      <c r="B66" s="15"/>
      <c r="C66" s="7" t="s">
        <v>282</v>
      </c>
      <c r="D66" s="7" t="s">
        <v>265</v>
      </c>
      <c r="E66" s="43">
        <v>38</v>
      </c>
      <c r="F66" s="268">
        <v>25</v>
      </c>
      <c r="G66" s="8">
        <v>25</v>
      </c>
      <c r="H66" s="8">
        <v>0</v>
      </c>
      <c r="I66" s="8"/>
      <c r="J66" s="8"/>
      <c r="K66" s="8">
        <v>25</v>
      </c>
      <c r="L66" s="8">
        <v>0</v>
      </c>
      <c r="M66" s="123">
        <v>1</v>
      </c>
      <c r="N66" s="135">
        <v>13</v>
      </c>
    </row>
    <row r="67" spans="2:14" ht="14.25" customHeight="1" x14ac:dyDescent="0.15">
      <c r="B67" s="15"/>
      <c r="C67" s="7" t="s">
        <v>47</v>
      </c>
      <c r="D67" s="7" t="s">
        <v>275</v>
      </c>
      <c r="E67" s="43">
        <v>38</v>
      </c>
      <c r="F67" s="268">
        <v>30</v>
      </c>
      <c r="G67" s="8">
        <v>30</v>
      </c>
      <c r="H67" s="8">
        <v>0</v>
      </c>
      <c r="I67" s="8"/>
      <c r="J67" s="8"/>
      <c r="K67" s="8">
        <v>30</v>
      </c>
      <c r="L67" s="8">
        <v>0</v>
      </c>
      <c r="M67" s="123">
        <v>1</v>
      </c>
      <c r="N67" s="135">
        <v>8</v>
      </c>
    </row>
    <row r="68" spans="2:14" ht="14.25" customHeight="1" x14ac:dyDescent="0.15">
      <c r="B68" s="15"/>
      <c r="C68" s="7" t="s">
        <v>47</v>
      </c>
      <c r="D68" s="7" t="s">
        <v>278</v>
      </c>
      <c r="E68" s="43">
        <v>38</v>
      </c>
      <c r="F68" s="268">
        <v>25</v>
      </c>
      <c r="G68" s="8">
        <v>25</v>
      </c>
      <c r="H68" s="8">
        <v>0</v>
      </c>
      <c r="I68" s="8"/>
      <c r="J68" s="8"/>
      <c r="K68" s="8">
        <v>24</v>
      </c>
      <c r="L68" s="8">
        <v>1</v>
      </c>
      <c r="M68" s="123">
        <v>1</v>
      </c>
      <c r="N68" s="135">
        <v>14</v>
      </c>
    </row>
    <row r="69" spans="2:14" ht="14.25" customHeight="1" x14ac:dyDescent="0.15">
      <c r="B69" s="15"/>
      <c r="C69" s="7" t="s">
        <v>47</v>
      </c>
      <c r="D69" s="7" t="s">
        <v>268</v>
      </c>
      <c r="E69" s="43">
        <v>38</v>
      </c>
      <c r="F69" s="268">
        <v>37</v>
      </c>
      <c r="G69" s="8">
        <v>37</v>
      </c>
      <c r="H69" s="8">
        <v>0</v>
      </c>
      <c r="I69" s="8"/>
      <c r="J69" s="8"/>
      <c r="K69" s="8">
        <v>37</v>
      </c>
      <c r="L69" s="8">
        <v>0</v>
      </c>
      <c r="M69" s="123">
        <v>1</v>
      </c>
      <c r="N69" s="135">
        <v>1</v>
      </c>
    </row>
    <row r="70" spans="2:14" ht="14.25" customHeight="1" x14ac:dyDescent="0.15">
      <c r="B70" s="15"/>
      <c r="D70" s="54" t="s">
        <v>186</v>
      </c>
      <c r="E70" s="49">
        <v>152</v>
      </c>
      <c r="F70" s="173">
        <v>117</v>
      </c>
      <c r="G70" s="173">
        <v>117</v>
      </c>
      <c r="H70" s="173">
        <v>0</v>
      </c>
      <c r="I70" s="173"/>
      <c r="J70" s="173"/>
      <c r="K70" s="173">
        <v>116</v>
      </c>
      <c r="L70" s="173">
        <v>1</v>
      </c>
      <c r="M70" s="127">
        <v>1</v>
      </c>
      <c r="N70" s="269">
        <v>36</v>
      </c>
    </row>
    <row r="71" spans="2:14" ht="21.75" customHeight="1" x14ac:dyDescent="0.15">
      <c r="B71" s="15"/>
      <c r="C71" s="7" t="s">
        <v>283</v>
      </c>
      <c r="D71" s="7" t="s">
        <v>284</v>
      </c>
      <c r="E71" s="43">
        <v>39</v>
      </c>
      <c r="F71" s="268">
        <v>39</v>
      </c>
      <c r="G71" s="8">
        <v>39</v>
      </c>
      <c r="H71" s="8">
        <v>0</v>
      </c>
      <c r="I71" s="8"/>
      <c r="J71" s="8"/>
      <c r="K71" s="8">
        <v>38</v>
      </c>
      <c r="L71" s="8">
        <v>1</v>
      </c>
      <c r="M71" s="123">
        <v>1</v>
      </c>
      <c r="N71" s="135">
        <v>1</v>
      </c>
    </row>
    <row r="72" spans="2:14" ht="14.25" customHeight="1" x14ac:dyDescent="0.15">
      <c r="B72" s="15"/>
      <c r="C72" s="7" t="s">
        <v>47</v>
      </c>
      <c r="D72" s="7" t="s">
        <v>285</v>
      </c>
      <c r="E72" s="43">
        <v>39</v>
      </c>
      <c r="F72" s="268">
        <v>34</v>
      </c>
      <c r="G72" s="8">
        <v>33</v>
      </c>
      <c r="H72" s="8">
        <v>1</v>
      </c>
      <c r="I72" s="8"/>
      <c r="J72" s="8"/>
      <c r="K72" s="8">
        <v>36</v>
      </c>
      <c r="L72" s="8">
        <v>0</v>
      </c>
      <c r="M72" s="123">
        <v>0.94</v>
      </c>
      <c r="N72" s="135">
        <v>3</v>
      </c>
    </row>
    <row r="73" spans="2:14" ht="14.25" customHeight="1" x14ac:dyDescent="0.15">
      <c r="B73" s="15"/>
      <c r="C73" s="7" t="s">
        <v>47</v>
      </c>
      <c r="D73" s="7" t="s">
        <v>286</v>
      </c>
      <c r="E73" s="43">
        <v>39</v>
      </c>
      <c r="F73" s="268">
        <v>32</v>
      </c>
      <c r="G73" s="8">
        <v>32</v>
      </c>
      <c r="H73" s="8">
        <v>0</v>
      </c>
      <c r="I73" s="8"/>
      <c r="J73" s="8"/>
      <c r="K73" s="8">
        <v>32</v>
      </c>
      <c r="L73" s="8">
        <v>0</v>
      </c>
      <c r="M73" s="123">
        <v>1</v>
      </c>
      <c r="N73" s="135">
        <v>7</v>
      </c>
    </row>
    <row r="74" spans="2:14" ht="14.25" customHeight="1" x14ac:dyDescent="0.15">
      <c r="B74" s="15"/>
      <c r="C74" s="7" t="s">
        <v>47</v>
      </c>
      <c r="D74" s="7" t="s">
        <v>287</v>
      </c>
      <c r="E74" s="43">
        <v>39</v>
      </c>
      <c r="F74" s="268">
        <v>43</v>
      </c>
      <c r="G74" s="8">
        <v>42</v>
      </c>
      <c r="H74" s="8">
        <v>1</v>
      </c>
      <c r="I74" s="8"/>
      <c r="J74" s="8"/>
      <c r="K74" s="8">
        <v>39</v>
      </c>
      <c r="L74" s="8">
        <v>0</v>
      </c>
      <c r="M74" s="123">
        <v>1.1000000000000001</v>
      </c>
      <c r="N74" s="135">
        <v>0</v>
      </c>
    </row>
    <row r="75" spans="2:14" ht="14.25" customHeight="1" x14ac:dyDescent="0.15">
      <c r="B75" s="15"/>
      <c r="C75" s="7" t="s">
        <v>47</v>
      </c>
      <c r="D75" s="7" t="s">
        <v>268</v>
      </c>
      <c r="E75" s="43">
        <v>39</v>
      </c>
      <c r="F75" s="268">
        <v>38</v>
      </c>
      <c r="G75" s="8">
        <v>38</v>
      </c>
      <c r="H75" s="8">
        <v>0</v>
      </c>
      <c r="I75" s="8"/>
      <c r="J75" s="8"/>
      <c r="K75" s="8">
        <v>38</v>
      </c>
      <c r="L75" s="8">
        <v>0</v>
      </c>
      <c r="M75" s="123">
        <v>1</v>
      </c>
      <c r="N75" s="135">
        <v>1</v>
      </c>
    </row>
    <row r="76" spans="2:14" ht="14.25" customHeight="1" x14ac:dyDescent="0.15">
      <c r="B76" s="15"/>
      <c r="D76" s="54" t="s">
        <v>186</v>
      </c>
      <c r="E76" s="49">
        <v>195</v>
      </c>
      <c r="F76" s="173">
        <v>186</v>
      </c>
      <c r="G76" s="173">
        <v>184</v>
      </c>
      <c r="H76" s="173">
        <v>2</v>
      </c>
      <c r="I76" s="173"/>
      <c r="J76" s="173"/>
      <c r="K76" s="173">
        <v>183</v>
      </c>
      <c r="L76" s="173">
        <v>1</v>
      </c>
      <c r="M76" s="127">
        <v>1.01</v>
      </c>
      <c r="N76" s="269">
        <v>12</v>
      </c>
    </row>
    <row r="77" spans="2:14" ht="7.5" customHeight="1" x14ac:dyDescent="0.15">
      <c r="B77" s="15"/>
      <c r="E77" s="43"/>
      <c r="I77" s="142"/>
      <c r="J77" s="142"/>
      <c r="K77" s="142"/>
      <c r="L77" s="122"/>
      <c r="M77" s="123"/>
      <c r="N77" s="184"/>
    </row>
    <row r="78" spans="2:14" ht="7.5" customHeight="1" x14ac:dyDescent="0.15">
      <c r="B78" s="57"/>
      <c r="C78" s="276"/>
      <c r="D78" s="276"/>
      <c r="E78" s="59"/>
      <c r="F78" s="60"/>
      <c r="G78" s="60"/>
      <c r="H78" s="60"/>
      <c r="I78" s="277"/>
      <c r="J78" s="277"/>
      <c r="K78" s="277"/>
      <c r="L78" s="124"/>
      <c r="M78" s="125"/>
      <c r="N78" s="278"/>
    </row>
    <row r="79" spans="2:14" ht="14.25" customHeight="1" x14ac:dyDescent="0.15">
      <c r="B79" s="15"/>
      <c r="C79" s="419" t="s">
        <v>37</v>
      </c>
      <c r="D79" s="420"/>
      <c r="E79" s="49">
        <v>2181</v>
      </c>
      <c r="F79" s="173">
        <v>1855</v>
      </c>
      <c r="G79" s="173">
        <v>1847</v>
      </c>
      <c r="H79" s="173">
        <v>8</v>
      </c>
      <c r="I79" s="173"/>
      <c r="J79" s="173"/>
      <c r="K79" s="173">
        <v>1810</v>
      </c>
      <c r="L79" s="173">
        <v>11</v>
      </c>
      <c r="M79" s="127">
        <v>1.02</v>
      </c>
      <c r="N79" s="175">
        <v>378</v>
      </c>
    </row>
    <row r="80" spans="2:14" ht="7.5" customHeight="1" x14ac:dyDescent="0.15">
      <c r="B80" s="34"/>
      <c r="C80" s="185"/>
      <c r="D80" s="185"/>
      <c r="E80" s="65"/>
      <c r="F80" s="66"/>
      <c r="G80" s="66"/>
      <c r="H80" s="66"/>
      <c r="I80" s="185"/>
      <c r="J80" s="185"/>
      <c r="K80" s="185"/>
      <c r="L80" s="66"/>
      <c r="M80" s="66"/>
      <c r="N80" s="68"/>
    </row>
    <row r="81" spans="2:14" ht="13.5" customHeight="1" x14ac:dyDescent="0.15">
      <c r="B81" s="101" t="s">
        <v>288</v>
      </c>
    </row>
    <row r="82" spans="2:14" ht="13.5" customHeight="1" x14ac:dyDescent="0.15">
      <c r="B82" s="101"/>
    </row>
    <row r="83" spans="2:14" ht="14.25" customHeight="1" x14ac:dyDescent="0.15">
      <c r="B83" s="7" t="s">
        <v>289</v>
      </c>
    </row>
    <row r="84" spans="2:14" ht="7.5" customHeight="1" x14ac:dyDescent="0.15">
      <c r="B84" s="10"/>
      <c r="C84" s="11"/>
      <c r="D84" s="11"/>
      <c r="E84" s="246"/>
      <c r="F84" s="246"/>
      <c r="G84" s="266"/>
      <c r="H84" s="266"/>
      <c r="I84" s="245"/>
      <c r="J84" s="245"/>
      <c r="K84" s="245"/>
      <c r="L84" s="266"/>
      <c r="M84" s="266"/>
      <c r="N84" s="267"/>
    </row>
    <row r="85" spans="2:14" ht="15.75" customHeight="1" x14ac:dyDescent="0.15">
      <c r="B85" s="15"/>
      <c r="E85" s="16"/>
      <c r="F85" s="17"/>
      <c r="G85" s="18" t="s">
        <v>2</v>
      </c>
      <c r="H85" s="18"/>
      <c r="I85" s="189"/>
      <c r="J85" s="190"/>
      <c r="K85" s="191"/>
      <c r="L85" s="19" t="s">
        <v>123</v>
      </c>
      <c r="M85" s="20"/>
      <c r="N85" s="21"/>
    </row>
    <row r="86" spans="2:14" ht="14.25" customHeight="1" x14ac:dyDescent="0.15">
      <c r="B86" s="15"/>
      <c r="C86" s="7" t="s">
        <v>4</v>
      </c>
      <c r="D86" s="7" t="s">
        <v>40</v>
      </c>
      <c r="E86" s="22" t="s">
        <v>6</v>
      </c>
      <c r="F86" s="22" t="s">
        <v>7</v>
      </c>
      <c r="G86" s="23" t="s">
        <v>127</v>
      </c>
      <c r="H86" s="24" t="s">
        <v>9</v>
      </c>
      <c r="I86" s="128" t="s">
        <v>10</v>
      </c>
      <c r="J86" s="29"/>
      <c r="K86" s="29"/>
      <c r="L86" s="25" t="s">
        <v>11</v>
      </c>
      <c r="M86" s="24" t="s">
        <v>12</v>
      </c>
      <c r="N86" s="26" t="s">
        <v>129</v>
      </c>
    </row>
    <row r="87" spans="2:14" ht="14.25" customHeight="1" x14ac:dyDescent="0.15">
      <c r="B87" s="15"/>
      <c r="C87" s="27"/>
      <c r="D87" s="27"/>
      <c r="E87" s="30"/>
      <c r="F87" s="30" t="s">
        <v>14</v>
      </c>
      <c r="G87" s="31" t="s">
        <v>15</v>
      </c>
      <c r="H87" s="31" t="s">
        <v>16</v>
      </c>
      <c r="I87" s="128" t="s">
        <v>145</v>
      </c>
      <c r="J87" s="129"/>
      <c r="K87" s="130"/>
      <c r="L87" s="24" t="s">
        <v>132</v>
      </c>
      <c r="M87" s="32" t="s">
        <v>19</v>
      </c>
      <c r="N87" s="26"/>
    </row>
    <row r="88" spans="2:14" ht="7.5" customHeight="1" x14ac:dyDescent="0.15">
      <c r="B88" s="15"/>
      <c r="C88" s="35"/>
      <c r="D88" s="35"/>
      <c r="E88" s="37"/>
      <c r="F88" s="37"/>
      <c r="G88" s="38"/>
      <c r="H88" s="39"/>
      <c r="I88" s="40"/>
      <c r="J88" s="192"/>
      <c r="K88" s="193"/>
      <c r="L88" s="40"/>
      <c r="M88" s="39"/>
      <c r="N88" s="41"/>
    </row>
    <row r="89" spans="2:14" ht="7.5" customHeight="1" x14ac:dyDescent="0.15">
      <c r="B89" s="10"/>
      <c r="C89" s="27"/>
      <c r="D89" s="27"/>
      <c r="E89" s="83"/>
      <c r="F89" s="253"/>
      <c r="G89" s="76"/>
      <c r="H89" s="76"/>
      <c r="I89" s="85"/>
      <c r="J89" s="85"/>
      <c r="K89" s="85"/>
      <c r="L89" s="76"/>
      <c r="M89" s="76"/>
      <c r="N89" s="86"/>
    </row>
    <row r="90" spans="2:14" ht="14.25" customHeight="1" x14ac:dyDescent="0.15">
      <c r="B90" s="15"/>
      <c r="C90" s="7" t="s">
        <v>269</v>
      </c>
      <c r="D90" s="7" t="s">
        <v>290</v>
      </c>
      <c r="E90" s="43">
        <v>118</v>
      </c>
      <c r="F90" s="268">
        <v>105</v>
      </c>
      <c r="G90" s="8">
        <v>105</v>
      </c>
      <c r="H90" s="8">
        <v>0</v>
      </c>
      <c r="I90" s="8"/>
      <c r="J90" s="8"/>
      <c r="K90" s="8">
        <v>105</v>
      </c>
      <c r="L90" s="8">
        <v>0</v>
      </c>
      <c r="M90" s="123">
        <v>1</v>
      </c>
      <c r="N90" s="135">
        <v>13</v>
      </c>
    </row>
    <row r="91" spans="2:14" ht="14.25" customHeight="1" x14ac:dyDescent="0.15">
      <c r="B91" s="15"/>
      <c r="C91" s="7" t="s">
        <v>254</v>
      </c>
      <c r="D91" s="7" t="s">
        <v>290</v>
      </c>
      <c r="E91" s="43">
        <v>158</v>
      </c>
      <c r="F91" s="268">
        <v>164</v>
      </c>
      <c r="G91" s="8">
        <v>164</v>
      </c>
      <c r="H91" s="8">
        <v>0</v>
      </c>
      <c r="I91" s="8"/>
      <c r="J91" s="8"/>
      <c r="K91" s="8">
        <v>158</v>
      </c>
      <c r="L91" s="8">
        <v>1</v>
      </c>
      <c r="M91" s="123">
        <v>1.03</v>
      </c>
      <c r="N91" s="135">
        <v>0</v>
      </c>
    </row>
    <row r="92" spans="2:14" ht="14.25" customHeight="1" x14ac:dyDescent="0.15">
      <c r="B92" s="15"/>
      <c r="C92" s="7" t="s">
        <v>291</v>
      </c>
      <c r="D92" s="7" t="s">
        <v>290</v>
      </c>
      <c r="E92" s="43">
        <v>118</v>
      </c>
      <c r="F92" s="268">
        <v>74</v>
      </c>
      <c r="G92" s="8">
        <v>74</v>
      </c>
      <c r="H92" s="8">
        <v>0</v>
      </c>
      <c r="I92" s="8"/>
      <c r="J92" s="8"/>
      <c r="K92" s="8">
        <v>73</v>
      </c>
      <c r="L92" s="8">
        <v>1</v>
      </c>
      <c r="M92" s="123">
        <v>1</v>
      </c>
      <c r="N92" s="135">
        <v>45</v>
      </c>
    </row>
    <row r="93" spans="2:14" ht="14.25" customHeight="1" x14ac:dyDescent="0.15">
      <c r="B93" s="15"/>
      <c r="C93" s="7" t="s">
        <v>259</v>
      </c>
      <c r="D93" s="7" t="s">
        <v>290</v>
      </c>
      <c r="E93" s="43">
        <v>118</v>
      </c>
      <c r="F93" s="268">
        <v>136</v>
      </c>
      <c r="G93" s="8">
        <v>136</v>
      </c>
      <c r="H93" s="8">
        <v>0</v>
      </c>
      <c r="I93" s="8"/>
      <c r="J93" s="8"/>
      <c r="K93" s="8">
        <v>119</v>
      </c>
      <c r="L93" s="8">
        <v>0</v>
      </c>
      <c r="M93" s="123">
        <v>1.1399999999999999</v>
      </c>
      <c r="N93" s="135">
        <v>0</v>
      </c>
    </row>
    <row r="94" spans="2:14" ht="14.25" customHeight="1" x14ac:dyDescent="0.15">
      <c r="B94" s="15"/>
      <c r="C94" s="7" t="s">
        <v>292</v>
      </c>
      <c r="D94" s="7" t="s">
        <v>290</v>
      </c>
      <c r="E94" s="43">
        <v>158</v>
      </c>
      <c r="F94" s="268">
        <v>184</v>
      </c>
      <c r="G94" s="8">
        <v>184</v>
      </c>
      <c r="H94" s="8">
        <v>0</v>
      </c>
      <c r="I94" s="8"/>
      <c r="J94" s="8"/>
      <c r="K94" s="8">
        <v>158</v>
      </c>
      <c r="L94" s="8">
        <v>0</v>
      </c>
      <c r="M94" s="123">
        <v>1.1599999999999999</v>
      </c>
      <c r="N94" s="135">
        <v>0</v>
      </c>
    </row>
    <row r="95" spans="2:14" ht="21.75" customHeight="1" x14ac:dyDescent="0.15">
      <c r="B95" s="15"/>
      <c r="C95" s="7" t="s">
        <v>293</v>
      </c>
      <c r="D95" s="7" t="s">
        <v>294</v>
      </c>
      <c r="E95" s="43">
        <v>199</v>
      </c>
      <c r="F95" s="268">
        <v>211</v>
      </c>
      <c r="G95" s="8">
        <v>210</v>
      </c>
      <c r="H95" s="8">
        <v>1</v>
      </c>
      <c r="I95" s="8"/>
      <c r="J95" s="8"/>
      <c r="K95" s="8">
        <v>199</v>
      </c>
      <c r="L95" s="8">
        <v>2</v>
      </c>
      <c r="M95" s="123">
        <v>1.05</v>
      </c>
      <c r="N95" s="135">
        <v>0</v>
      </c>
    </row>
    <row r="96" spans="2:14" x14ac:dyDescent="0.15">
      <c r="B96" s="15"/>
      <c r="C96" s="7" t="s">
        <v>47</v>
      </c>
      <c r="D96" s="92" t="s">
        <v>295</v>
      </c>
      <c r="E96" s="43">
        <v>39</v>
      </c>
      <c r="F96" s="268">
        <v>61</v>
      </c>
      <c r="G96" s="8">
        <v>61</v>
      </c>
      <c r="H96" s="8">
        <v>0</v>
      </c>
      <c r="I96" s="8"/>
      <c r="J96" s="8"/>
      <c r="K96" s="8">
        <v>39</v>
      </c>
      <c r="L96" s="8">
        <v>0</v>
      </c>
      <c r="M96" s="123">
        <v>1.56</v>
      </c>
      <c r="N96" s="135">
        <v>0</v>
      </c>
    </row>
    <row r="97" spans="2:14" x14ac:dyDescent="0.15">
      <c r="B97" s="15"/>
      <c r="D97" s="54" t="s">
        <v>186</v>
      </c>
      <c r="E97" s="49">
        <v>238</v>
      </c>
      <c r="F97" s="173">
        <v>272</v>
      </c>
      <c r="G97" s="173">
        <v>271</v>
      </c>
      <c r="H97" s="173">
        <v>1</v>
      </c>
      <c r="I97" s="173"/>
      <c r="J97" s="173"/>
      <c r="K97" s="173">
        <v>238</v>
      </c>
      <c r="L97" s="173">
        <v>2</v>
      </c>
      <c r="M97" s="127">
        <v>1.1299999999999999</v>
      </c>
      <c r="N97" s="269">
        <v>0</v>
      </c>
    </row>
    <row r="98" spans="2:14" ht="22.5" customHeight="1" x14ac:dyDescent="0.15">
      <c r="B98" s="15"/>
      <c r="C98" s="7" t="s">
        <v>296</v>
      </c>
      <c r="D98" s="7" t="s">
        <v>297</v>
      </c>
      <c r="E98" s="43">
        <v>118</v>
      </c>
      <c r="F98" s="268">
        <v>138</v>
      </c>
      <c r="G98" s="8">
        <v>138</v>
      </c>
      <c r="H98" s="8">
        <v>0</v>
      </c>
      <c r="I98" s="8"/>
      <c r="J98" s="8"/>
      <c r="K98" s="8">
        <v>118</v>
      </c>
      <c r="L98" s="8">
        <v>0</v>
      </c>
      <c r="M98" s="123">
        <v>1.17</v>
      </c>
      <c r="N98" s="135">
        <v>0</v>
      </c>
    </row>
    <row r="99" spans="2:14" ht="7.5" customHeight="1" x14ac:dyDescent="0.15">
      <c r="B99" s="94"/>
      <c r="C99" s="176"/>
      <c r="D99" s="279"/>
      <c r="E99" s="270"/>
      <c r="F99" s="97"/>
      <c r="G99" s="97"/>
      <c r="H99" s="97"/>
      <c r="I99" s="179"/>
      <c r="J99" s="179"/>
      <c r="K99" s="179"/>
      <c r="L99" s="280"/>
      <c r="M99" s="194"/>
      <c r="N99" s="182"/>
    </row>
    <row r="100" spans="2:14" ht="7.5" customHeight="1" x14ac:dyDescent="0.15">
      <c r="B100" s="15"/>
      <c r="C100" s="55"/>
      <c r="D100" s="55"/>
      <c r="E100" s="43"/>
      <c r="I100" s="142"/>
      <c r="J100" s="142"/>
      <c r="K100" s="142"/>
      <c r="L100" s="134"/>
      <c r="M100" s="9"/>
      <c r="N100" s="184"/>
    </row>
    <row r="101" spans="2:14" s="54" customFormat="1" ht="14.25" customHeight="1" x14ac:dyDescent="0.15">
      <c r="B101" s="126"/>
      <c r="C101" s="419" t="s">
        <v>37</v>
      </c>
      <c r="D101" s="420"/>
      <c r="E101" s="49">
        <v>1026</v>
      </c>
      <c r="F101" s="173">
        <v>1073</v>
      </c>
      <c r="G101" s="173">
        <v>1072</v>
      </c>
      <c r="H101" s="173">
        <v>1</v>
      </c>
      <c r="I101" s="173"/>
      <c r="J101" s="173"/>
      <c r="K101" s="173">
        <v>969</v>
      </c>
      <c r="L101" s="173">
        <v>4</v>
      </c>
      <c r="M101" s="127">
        <v>1.1000000000000001</v>
      </c>
      <c r="N101" s="175">
        <v>58</v>
      </c>
    </row>
    <row r="102" spans="2:14" ht="7.5" customHeight="1" x14ac:dyDescent="0.15">
      <c r="B102" s="34"/>
      <c r="C102" s="64"/>
      <c r="D102" s="64"/>
      <c r="E102" s="65"/>
      <c r="F102" s="66"/>
      <c r="G102" s="66"/>
      <c r="H102" s="66"/>
      <c r="I102" s="188"/>
      <c r="J102" s="188"/>
      <c r="K102" s="188"/>
      <c r="L102" s="66"/>
      <c r="M102" s="66"/>
      <c r="N102" s="68"/>
    </row>
    <row r="103" spans="2:14" ht="13.9" customHeight="1" x14ac:dyDescent="0.15">
      <c r="B103" s="422"/>
      <c r="C103" s="422"/>
      <c r="D103" s="422"/>
      <c r="E103" s="422"/>
      <c r="F103" s="422"/>
      <c r="G103" s="422"/>
      <c r="H103" s="422"/>
      <c r="I103" s="422"/>
      <c r="J103" s="422"/>
      <c r="K103" s="422"/>
      <c r="L103" s="422"/>
      <c r="M103" s="422"/>
      <c r="N103" s="422"/>
    </row>
    <row r="104" spans="2:14" ht="13.5" customHeight="1" x14ac:dyDescent="0.15">
      <c r="B104" s="69"/>
    </row>
    <row r="105" spans="2:14" ht="14.25" customHeight="1" x14ac:dyDescent="0.15">
      <c r="B105" s="7" t="s">
        <v>298</v>
      </c>
    </row>
    <row r="106" spans="2:14" ht="7.5" customHeight="1" x14ac:dyDescent="0.15">
      <c r="B106" s="10"/>
      <c r="C106" s="11"/>
      <c r="D106" s="11"/>
      <c r="E106" s="246"/>
      <c r="F106" s="246"/>
      <c r="G106" s="266"/>
      <c r="H106" s="266"/>
      <c r="I106" s="245"/>
      <c r="J106" s="245"/>
      <c r="K106" s="245"/>
      <c r="L106" s="266"/>
      <c r="M106" s="266"/>
      <c r="N106" s="267"/>
    </row>
    <row r="107" spans="2:14" ht="15.75" customHeight="1" x14ac:dyDescent="0.15">
      <c r="B107" s="15"/>
      <c r="E107" s="16"/>
      <c r="F107" s="17"/>
      <c r="G107" s="18" t="s">
        <v>2</v>
      </c>
      <c r="H107" s="18"/>
      <c r="I107" s="189"/>
      <c r="J107" s="190"/>
      <c r="K107" s="191"/>
      <c r="L107" s="19" t="s">
        <v>123</v>
      </c>
      <c r="M107" s="20"/>
      <c r="N107" s="21"/>
    </row>
    <row r="108" spans="2:14" ht="14.25" customHeight="1" x14ac:dyDescent="0.15">
      <c r="B108" s="15"/>
      <c r="C108" s="7" t="s">
        <v>4</v>
      </c>
      <c r="D108" s="7" t="s">
        <v>40</v>
      </c>
      <c r="E108" s="22" t="s">
        <v>6</v>
      </c>
      <c r="F108" s="22" t="s">
        <v>7</v>
      </c>
      <c r="G108" s="23" t="s">
        <v>127</v>
      </c>
      <c r="H108" s="24" t="s">
        <v>9</v>
      </c>
      <c r="I108" s="128" t="s">
        <v>10</v>
      </c>
      <c r="J108" s="29"/>
      <c r="K108" s="29"/>
      <c r="L108" s="25" t="s">
        <v>11</v>
      </c>
      <c r="M108" s="24" t="s">
        <v>12</v>
      </c>
      <c r="N108" s="26" t="s">
        <v>129</v>
      </c>
    </row>
    <row r="109" spans="2:14" ht="14.25" customHeight="1" x14ac:dyDescent="0.15">
      <c r="B109" s="15"/>
      <c r="C109" s="27"/>
      <c r="D109" s="27"/>
      <c r="E109" s="30"/>
      <c r="F109" s="30" t="s">
        <v>14</v>
      </c>
      <c r="G109" s="31" t="s">
        <v>15</v>
      </c>
      <c r="H109" s="31" t="s">
        <v>16</v>
      </c>
      <c r="I109" s="128" t="s">
        <v>145</v>
      </c>
      <c r="J109" s="129"/>
      <c r="K109" s="130"/>
      <c r="L109" s="24" t="s">
        <v>132</v>
      </c>
      <c r="M109" s="32" t="s">
        <v>19</v>
      </c>
      <c r="N109" s="26"/>
    </row>
    <row r="110" spans="2:14" ht="7.5" customHeight="1" x14ac:dyDescent="0.15">
      <c r="B110" s="34"/>
      <c r="C110" s="35"/>
      <c r="D110" s="36"/>
      <c r="E110" s="37"/>
      <c r="F110" s="37"/>
      <c r="G110" s="38"/>
      <c r="H110" s="39"/>
      <c r="I110" s="40"/>
      <c r="J110" s="192"/>
      <c r="K110" s="193"/>
      <c r="L110" s="40"/>
      <c r="M110" s="39"/>
      <c r="N110" s="41"/>
    </row>
    <row r="111" spans="2:14" ht="7.5" customHeight="1" x14ac:dyDescent="0.15">
      <c r="B111" s="15"/>
      <c r="C111" s="27"/>
      <c r="D111" s="27"/>
      <c r="E111" s="83"/>
      <c r="F111" s="253"/>
      <c r="G111" s="76"/>
      <c r="H111" s="76"/>
      <c r="I111" s="85"/>
      <c r="J111" s="85"/>
      <c r="K111" s="85"/>
      <c r="L111" s="76"/>
      <c r="M111" s="76"/>
      <c r="N111" s="86"/>
    </row>
    <row r="112" spans="2:14" ht="15" customHeight="1" x14ac:dyDescent="0.15">
      <c r="B112" s="15"/>
      <c r="C112" s="76" t="s">
        <v>299</v>
      </c>
      <c r="D112" s="7" t="s">
        <v>300</v>
      </c>
      <c r="E112" s="43">
        <v>38</v>
      </c>
      <c r="F112" s="268">
        <v>47</v>
      </c>
      <c r="G112" s="8">
        <v>46</v>
      </c>
      <c r="H112" s="8">
        <v>1</v>
      </c>
      <c r="I112" s="8"/>
      <c r="J112" s="8"/>
      <c r="K112" s="8">
        <v>38</v>
      </c>
      <c r="L112" s="8">
        <v>0</v>
      </c>
      <c r="M112" s="123">
        <v>1.24</v>
      </c>
      <c r="N112" s="135">
        <v>0</v>
      </c>
    </row>
    <row r="113" spans="2:14" ht="15" customHeight="1" x14ac:dyDescent="0.15">
      <c r="B113" s="15"/>
      <c r="C113" s="7" t="s">
        <v>47</v>
      </c>
      <c r="D113" s="7" t="s">
        <v>301</v>
      </c>
      <c r="E113" s="43">
        <v>38</v>
      </c>
      <c r="F113" s="268">
        <v>23</v>
      </c>
      <c r="G113" s="8">
        <v>23</v>
      </c>
      <c r="H113" s="8">
        <v>0</v>
      </c>
      <c r="I113" s="8"/>
      <c r="J113" s="8"/>
      <c r="K113" s="8">
        <v>26</v>
      </c>
      <c r="L113" s="8">
        <v>0</v>
      </c>
      <c r="M113" s="123">
        <v>0.88</v>
      </c>
      <c r="N113" s="135">
        <v>12</v>
      </c>
    </row>
    <row r="114" spans="2:14" ht="15" customHeight="1" x14ac:dyDescent="0.15">
      <c r="B114" s="15"/>
      <c r="C114" s="7" t="s">
        <v>47</v>
      </c>
      <c r="D114" s="7" t="s">
        <v>302</v>
      </c>
      <c r="E114" s="43">
        <v>38</v>
      </c>
      <c r="F114" s="268">
        <v>40</v>
      </c>
      <c r="G114" s="8">
        <v>40</v>
      </c>
      <c r="H114" s="8">
        <v>0</v>
      </c>
      <c r="I114" s="8"/>
      <c r="J114" s="8"/>
      <c r="K114" s="8">
        <v>38</v>
      </c>
      <c r="L114" s="8">
        <v>0</v>
      </c>
      <c r="M114" s="123">
        <v>1.05</v>
      </c>
      <c r="N114" s="135">
        <v>0</v>
      </c>
    </row>
    <row r="115" spans="2:14" ht="15" customHeight="1" x14ac:dyDescent="0.15">
      <c r="B115" s="15"/>
      <c r="C115" s="7" t="s">
        <v>47</v>
      </c>
      <c r="D115" s="7" t="s">
        <v>303</v>
      </c>
      <c r="E115" s="43">
        <v>38</v>
      </c>
      <c r="F115" s="268">
        <v>30</v>
      </c>
      <c r="G115" s="8">
        <v>30</v>
      </c>
      <c r="H115" s="8">
        <v>0</v>
      </c>
      <c r="I115" s="8"/>
      <c r="J115" s="8"/>
      <c r="K115" s="8">
        <v>33</v>
      </c>
      <c r="L115" s="8">
        <v>0</v>
      </c>
      <c r="M115" s="123">
        <v>0.91</v>
      </c>
      <c r="N115" s="135">
        <v>5</v>
      </c>
    </row>
    <row r="116" spans="2:14" ht="15" customHeight="1" x14ac:dyDescent="0.15">
      <c r="B116" s="15"/>
      <c r="C116" s="76"/>
      <c r="D116" s="54" t="s">
        <v>186</v>
      </c>
      <c r="E116" s="49">
        <v>152</v>
      </c>
      <c r="F116" s="173">
        <v>140</v>
      </c>
      <c r="G116" s="173">
        <v>139</v>
      </c>
      <c r="H116" s="173">
        <v>1</v>
      </c>
      <c r="I116" s="173"/>
      <c r="J116" s="173"/>
      <c r="K116" s="173">
        <v>135</v>
      </c>
      <c r="L116" s="173">
        <v>0</v>
      </c>
      <c r="M116" s="127">
        <v>1.04</v>
      </c>
      <c r="N116" s="269">
        <v>17</v>
      </c>
    </row>
    <row r="117" spans="2:14" ht="8.25" customHeight="1" x14ac:dyDescent="0.15">
      <c r="B117" s="34"/>
      <c r="C117" s="185"/>
      <c r="D117" s="185"/>
      <c r="E117" s="65"/>
      <c r="F117" s="66"/>
      <c r="G117" s="66"/>
      <c r="H117" s="66"/>
      <c r="I117" s="188"/>
      <c r="J117" s="188"/>
      <c r="K117" s="188"/>
      <c r="L117" s="66"/>
      <c r="M117" s="66"/>
      <c r="N117" s="68"/>
    </row>
    <row r="118" spans="2:14" ht="15" customHeight="1" x14ac:dyDescent="0.15">
      <c r="B118" s="7" t="s">
        <v>304</v>
      </c>
      <c r="I118" s="142"/>
      <c r="J118" s="142"/>
      <c r="K118" s="142"/>
    </row>
    <row r="119" spans="2:14" ht="13.5" customHeight="1" x14ac:dyDescent="0.15">
      <c r="B119" s="101"/>
    </row>
    <row r="120" spans="2:14" ht="14.25" customHeight="1" x14ac:dyDescent="0.15">
      <c r="B120" s="7" t="s">
        <v>305</v>
      </c>
    </row>
    <row r="121" spans="2:14" ht="7.5" customHeight="1" x14ac:dyDescent="0.15">
      <c r="B121" s="10"/>
      <c r="C121" s="11"/>
      <c r="D121" s="11"/>
      <c r="E121" s="246"/>
      <c r="F121" s="246"/>
      <c r="G121" s="266"/>
      <c r="H121" s="266"/>
      <c r="I121" s="245"/>
      <c r="J121" s="245"/>
      <c r="K121" s="245"/>
      <c r="L121" s="266"/>
      <c r="M121" s="266"/>
      <c r="N121" s="267"/>
    </row>
    <row r="122" spans="2:14" ht="15.75" customHeight="1" x14ac:dyDescent="0.15">
      <c r="B122" s="15"/>
      <c r="E122" s="16"/>
      <c r="F122" s="17"/>
      <c r="G122" s="18" t="s">
        <v>2</v>
      </c>
      <c r="H122" s="18"/>
      <c r="I122" s="189"/>
      <c r="J122" s="190"/>
      <c r="K122" s="191"/>
      <c r="L122" s="19" t="s">
        <v>123</v>
      </c>
      <c r="M122" s="20"/>
      <c r="N122" s="21"/>
    </row>
    <row r="123" spans="2:14" ht="14.25" customHeight="1" x14ac:dyDescent="0.15">
      <c r="B123" s="15"/>
      <c r="C123" s="7" t="s">
        <v>4</v>
      </c>
      <c r="D123" s="7" t="s">
        <v>40</v>
      </c>
      <c r="E123" s="22" t="s">
        <v>6</v>
      </c>
      <c r="F123" s="22" t="s">
        <v>7</v>
      </c>
      <c r="G123" s="23" t="s">
        <v>127</v>
      </c>
      <c r="H123" s="24" t="s">
        <v>9</v>
      </c>
      <c r="I123" s="128" t="s">
        <v>10</v>
      </c>
      <c r="J123" s="29"/>
      <c r="K123" s="29"/>
      <c r="L123" s="25" t="s">
        <v>11</v>
      </c>
      <c r="M123" s="24" t="s">
        <v>12</v>
      </c>
      <c r="N123" s="26" t="s">
        <v>129</v>
      </c>
    </row>
    <row r="124" spans="2:14" ht="14.25" customHeight="1" x14ac:dyDescent="0.15">
      <c r="B124" s="15"/>
      <c r="C124" s="27"/>
      <c r="D124" s="27"/>
      <c r="E124" s="30"/>
      <c r="F124" s="30" t="s">
        <v>14</v>
      </c>
      <c r="G124" s="31" t="s">
        <v>15</v>
      </c>
      <c r="H124" s="31" t="s">
        <v>16</v>
      </c>
      <c r="I124" s="128" t="s">
        <v>145</v>
      </c>
      <c r="J124" s="129"/>
      <c r="K124" s="130"/>
      <c r="L124" s="24" t="s">
        <v>132</v>
      </c>
      <c r="M124" s="32" t="s">
        <v>19</v>
      </c>
      <c r="N124" s="26"/>
    </row>
    <row r="125" spans="2:14" ht="7.5" customHeight="1" x14ac:dyDescent="0.15">
      <c r="B125" s="34"/>
      <c r="C125" s="35"/>
      <c r="D125" s="36"/>
      <c r="E125" s="37"/>
      <c r="F125" s="37"/>
      <c r="G125" s="38"/>
      <c r="H125" s="39"/>
      <c r="I125" s="40"/>
      <c r="J125" s="192"/>
      <c r="K125" s="193"/>
      <c r="L125" s="40"/>
      <c r="M125" s="39"/>
      <c r="N125" s="41"/>
    </row>
    <row r="126" spans="2:14" ht="7.5" customHeight="1" x14ac:dyDescent="0.15">
      <c r="B126" s="15"/>
      <c r="C126" s="27"/>
      <c r="D126" s="27"/>
      <c r="E126" s="83"/>
      <c r="F126" s="253"/>
      <c r="G126" s="76"/>
      <c r="H126" s="76"/>
      <c r="I126" s="85"/>
      <c r="J126" s="85"/>
      <c r="K126" s="85"/>
      <c r="L126" s="76"/>
      <c r="M126" s="76"/>
      <c r="N126" s="86"/>
    </row>
    <row r="127" spans="2:14" ht="15" customHeight="1" x14ac:dyDescent="0.15">
      <c r="B127" s="15"/>
      <c r="C127" s="7" t="s">
        <v>306</v>
      </c>
      <c r="D127" s="7" t="s">
        <v>307</v>
      </c>
      <c r="E127" s="43">
        <v>39</v>
      </c>
      <c r="F127" s="268">
        <v>31</v>
      </c>
      <c r="G127" s="8">
        <v>31</v>
      </c>
      <c r="H127" s="8">
        <v>0</v>
      </c>
      <c r="I127" s="8"/>
      <c r="J127" s="8"/>
      <c r="K127" s="8">
        <v>30</v>
      </c>
      <c r="L127" s="8">
        <v>1</v>
      </c>
      <c r="M127" s="123">
        <v>1</v>
      </c>
      <c r="N127" s="135">
        <v>9</v>
      </c>
    </row>
    <row r="128" spans="2:14" ht="7.5" customHeight="1" x14ac:dyDescent="0.15">
      <c r="B128" s="34"/>
      <c r="C128" s="185"/>
      <c r="D128" s="185"/>
      <c r="E128" s="65"/>
      <c r="F128" s="66"/>
      <c r="G128" s="66"/>
      <c r="H128" s="66"/>
      <c r="I128" s="188"/>
      <c r="J128" s="188"/>
      <c r="K128" s="188"/>
      <c r="L128" s="66"/>
      <c r="M128" s="66"/>
      <c r="N128" s="68"/>
    </row>
    <row r="129" spans="2:14" ht="13.5" customHeight="1" x14ac:dyDescent="0.15"/>
    <row r="130" spans="2:14" ht="13.5" customHeight="1" x14ac:dyDescent="0.15"/>
    <row r="131" spans="2:14" ht="14.25" customHeight="1" x14ac:dyDescent="0.15">
      <c r="B131" s="7" t="s">
        <v>308</v>
      </c>
    </row>
    <row r="132" spans="2:14" ht="7.5" customHeight="1" x14ac:dyDescent="0.15">
      <c r="B132" s="10"/>
      <c r="C132" s="11"/>
      <c r="D132" s="11"/>
      <c r="E132" s="246"/>
      <c r="F132" s="246"/>
      <c r="G132" s="266"/>
      <c r="H132" s="266"/>
      <c r="I132" s="245"/>
      <c r="J132" s="245"/>
      <c r="K132" s="245"/>
      <c r="L132" s="266"/>
      <c r="M132" s="266"/>
      <c r="N132" s="267"/>
    </row>
    <row r="133" spans="2:14" ht="15.75" customHeight="1" x14ac:dyDescent="0.15">
      <c r="B133" s="15"/>
      <c r="E133" s="16"/>
      <c r="F133" s="17"/>
      <c r="G133" s="18" t="s">
        <v>2</v>
      </c>
      <c r="H133" s="18"/>
      <c r="I133" s="189"/>
      <c r="J133" s="190"/>
      <c r="K133" s="191"/>
      <c r="L133" s="19" t="s">
        <v>123</v>
      </c>
      <c r="M133" s="20"/>
      <c r="N133" s="21"/>
    </row>
    <row r="134" spans="2:14" ht="14.25" customHeight="1" x14ac:dyDescent="0.15">
      <c r="B134" s="15"/>
      <c r="C134" s="7" t="s">
        <v>4</v>
      </c>
      <c r="D134" s="7" t="s">
        <v>40</v>
      </c>
      <c r="E134" s="22" t="s">
        <v>6</v>
      </c>
      <c r="F134" s="22" t="s">
        <v>7</v>
      </c>
      <c r="G134" s="23" t="s">
        <v>127</v>
      </c>
      <c r="H134" s="24" t="s">
        <v>9</v>
      </c>
      <c r="I134" s="128" t="s">
        <v>10</v>
      </c>
      <c r="J134" s="29"/>
      <c r="K134" s="29"/>
      <c r="L134" s="25" t="s">
        <v>11</v>
      </c>
      <c r="M134" s="24" t="s">
        <v>12</v>
      </c>
      <c r="N134" s="26" t="s">
        <v>129</v>
      </c>
    </row>
    <row r="135" spans="2:14" ht="14.25" customHeight="1" x14ac:dyDescent="0.15">
      <c r="B135" s="15"/>
      <c r="C135" s="27"/>
      <c r="D135" s="27"/>
      <c r="E135" s="30"/>
      <c r="F135" s="30" t="s">
        <v>14</v>
      </c>
      <c r="G135" s="31" t="s">
        <v>15</v>
      </c>
      <c r="H135" s="31" t="s">
        <v>16</v>
      </c>
      <c r="I135" s="128" t="s">
        <v>145</v>
      </c>
      <c r="J135" s="129"/>
      <c r="K135" s="130"/>
      <c r="L135" s="24" t="s">
        <v>132</v>
      </c>
      <c r="M135" s="32" t="s">
        <v>19</v>
      </c>
      <c r="N135" s="26"/>
    </row>
    <row r="136" spans="2:14" ht="7.5" customHeight="1" x14ac:dyDescent="0.15">
      <c r="B136" s="34"/>
      <c r="C136" s="35"/>
      <c r="D136" s="35"/>
      <c r="E136" s="37"/>
      <c r="F136" s="37"/>
      <c r="G136" s="38"/>
      <c r="H136" s="39"/>
      <c r="I136" s="40"/>
      <c r="J136" s="192"/>
      <c r="K136" s="193"/>
      <c r="L136" s="40"/>
      <c r="M136" s="39"/>
      <c r="N136" s="41"/>
    </row>
    <row r="137" spans="2:14" ht="7.5" customHeight="1" x14ac:dyDescent="0.15">
      <c r="B137" s="15"/>
      <c r="C137" s="27"/>
      <c r="D137" s="27"/>
      <c r="E137" s="83"/>
      <c r="F137" s="253"/>
      <c r="G137" s="76"/>
      <c r="H137" s="76"/>
      <c r="I137" s="85"/>
      <c r="J137" s="85"/>
      <c r="K137" s="85"/>
      <c r="L137" s="76"/>
      <c r="M137" s="76"/>
      <c r="N137" s="86"/>
    </row>
    <row r="138" spans="2:14" ht="14.25" customHeight="1" x14ac:dyDescent="0.15">
      <c r="B138" s="15"/>
      <c r="C138" s="2" t="s">
        <v>309</v>
      </c>
      <c r="D138" s="7" t="s">
        <v>310</v>
      </c>
      <c r="E138" s="43">
        <v>38</v>
      </c>
      <c r="F138" s="268">
        <v>28</v>
      </c>
      <c r="G138" s="8">
        <v>28</v>
      </c>
      <c r="H138" s="8">
        <v>0</v>
      </c>
      <c r="I138" s="8"/>
      <c r="J138" s="8"/>
      <c r="K138" s="8">
        <v>28</v>
      </c>
      <c r="L138" s="8">
        <v>0</v>
      </c>
      <c r="M138" s="123">
        <v>1</v>
      </c>
      <c r="N138" s="135">
        <v>10</v>
      </c>
    </row>
    <row r="139" spans="2:14" ht="14.25" customHeight="1" x14ac:dyDescent="0.15">
      <c r="B139" s="15"/>
      <c r="C139" s="7" t="s">
        <v>311</v>
      </c>
      <c r="D139" s="7" t="s">
        <v>312</v>
      </c>
      <c r="E139" s="43">
        <v>78</v>
      </c>
      <c r="F139" s="268">
        <v>47</v>
      </c>
      <c r="G139" s="8">
        <v>47</v>
      </c>
      <c r="H139" s="8">
        <v>0</v>
      </c>
      <c r="I139" s="8"/>
      <c r="J139" s="8"/>
      <c r="K139" s="8">
        <v>46</v>
      </c>
      <c r="L139" s="8">
        <v>1</v>
      </c>
      <c r="M139" s="123">
        <v>1</v>
      </c>
      <c r="N139" s="135">
        <v>32</v>
      </c>
    </row>
    <row r="140" spans="2:14" ht="14.25" customHeight="1" x14ac:dyDescent="0.15">
      <c r="B140" s="15"/>
      <c r="C140" s="7" t="s">
        <v>137</v>
      </c>
      <c r="D140" s="7" t="s">
        <v>310</v>
      </c>
      <c r="E140" s="43">
        <v>38</v>
      </c>
      <c r="F140" s="268">
        <v>15</v>
      </c>
      <c r="G140" s="8">
        <v>15</v>
      </c>
      <c r="H140" s="8">
        <v>0</v>
      </c>
      <c r="I140" s="8"/>
      <c r="J140" s="8"/>
      <c r="K140" s="8">
        <v>15</v>
      </c>
      <c r="L140" s="8">
        <v>0</v>
      </c>
      <c r="M140" s="123">
        <v>1</v>
      </c>
      <c r="N140" s="135">
        <v>23</v>
      </c>
    </row>
    <row r="141" spans="2:14" ht="22.5" customHeight="1" x14ac:dyDescent="0.15">
      <c r="B141" s="15"/>
      <c r="C141" s="7" t="s">
        <v>306</v>
      </c>
      <c r="D141" s="7" t="s">
        <v>310</v>
      </c>
      <c r="E141" s="43">
        <v>39</v>
      </c>
      <c r="F141" s="268">
        <v>37</v>
      </c>
      <c r="G141" s="8">
        <v>37</v>
      </c>
      <c r="H141" s="8">
        <v>0</v>
      </c>
      <c r="I141" s="8"/>
      <c r="J141" s="8"/>
      <c r="K141" s="8">
        <v>37</v>
      </c>
      <c r="L141" s="8">
        <v>0</v>
      </c>
      <c r="M141" s="123">
        <v>1</v>
      </c>
      <c r="N141" s="135">
        <v>2</v>
      </c>
    </row>
    <row r="142" spans="2:14" ht="7.5" customHeight="1" x14ac:dyDescent="0.15">
      <c r="B142" s="15"/>
      <c r="E142" s="43"/>
      <c r="I142" s="142"/>
      <c r="J142" s="142"/>
      <c r="K142" s="142"/>
      <c r="L142" s="134"/>
      <c r="M142" s="9"/>
      <c r="N142" s="184"/>
    </row>
    <row r="143" spans="2:14" ht="7.5" customHeight="1" x14ac:dyDescent="0.15">
      <c r="B143" s="57"/>
      <c r="C143" s="276"/>
      <c r="D143" s="276"/>
      <c r="E143" s="59"/>
      <c r="F143" s="60"/>
      <c r="G143" s="60"/>
      <c r="H143" s="60"/>
      <c r="I143" s="277"/>
      <c r="J143" s="277"/>
      <c r="K143" s="277"/>
      <c r="L143" s="136"/>
      <c r="M143" s="137"/>
      <c r="N143" s="278"/>
    </row>
    <row r="144" spans="2:14" s="54" customFormat="1" ht="14.25" customHeight="1" x14ac:dyDescent="0.15">
      <c r="B144" s="126"/>
      <c r="C144" s="419" t="s">
        <v>37</v>
      </c>
      <c r="D144" s="420"/>
      <c r="E144" s="49">
        <v>193</v>
      </c>
      <c r="F144" s="173">
        <v>127</v>
      </c>
      <c r="G144" s="173">
        <v>127</v>
      </c>
      <c r="H144" s="173">
        <v>0</v>
      </c>
      <c r="I144" s="173"/>
      <c r="J144" s="173"/>
      <c r="K144" s="173">
        <v>126</v>
      </c>
      <c r="L144" s="173">
        <v>1</v>
      </c>
      <c r="M144" s="127">
        <v>1</v>
      </c>
      <c r="N144" s="269">
        <v>67</v>
      </c>
    </row>
    <row r="145" spans="2:14" ht="7.5" customHeight="1" x14ac:dyDescent="0.15">
      <c r="B145" s="34"/>
      <c r="C145" s="64"/>
      <c r="D145" s="64"/>
      <c r="E145" s="65"/>
      <c r="F145" s="66"/>
      <c r="G145" s="66"/>
      <c r="H145" s="66"/>
      <c r="I145" s="188"/>
      <c r="J145" s="188"/>
      <c r="K145" s="188"/>
      <c r="L145" s="66"/>
      <c r="M145" s="66"/>
      <c r="N145" s="68"/>
    </row>
    <row r="146" spans="2:14" ht="13.5" customHeight="1" x14ac:dyDescent="0.15"/>
    <row r="147" spans="2:14" ht="14.25" customHeight="1" x14ac:dyDescent="0.15">
      <c r="B147" s="7" t="s">
        <v>313</v>
      </c>
    </row>
    <row r="148" spans="2:14" ht="7.5" customHeight="1" x14ac:dyDescent="0.15">
      <c r="B148" s="10"/>
      <c r="C148" s="11"/>
      <c r="D148" s="11"/>
      <c r="E148" s="246"/>
      <c r="F148" s="246"/>
      <c r="G148" s="266"/>
      <c r="H148" s="266"/>
      <c r="I148" s="245"/>
      <c r="J148" s="245"/>
      <c r="K148" s="245"/>
      <c r="L148" s="266"/>
      <c r="M148" s="266"/>
      <c r="N148" s="267"/>
    </row>
    <row r="149" spans="2:14" ht="15.75" customHeight="1" x14ac:dyDescent="0.15">
      <c r="B149" s="15"/>
      <c r="E149" s="16"/>
      <c r="F149" s="17"/>
      <c r="G149" s="18" t="s">
        <v>2</v>
      </c>
      <c r="H149" s="18"/>
      <c r="I149" s="189"/>
      <c r="J149" s="190"/>
      <c r="K149" s="191"/>
      <c r="L149" s="19" t="s">
        <v>123</v>
      </c>
      <c r="M149" s="20"/>
      <c r="N149" s="21"/>
    </row>
    <row r="150" spans="2:14" ht="14.25" customHeight="1" x14ac:dyDescent="0.15">
      <c r="B150" s="15"/>
      <c r="C150" s="7" t="s">
        <v>4</v>
      </c>
      <c r="D150" s="7" t="s">
        <v>40</v>
      </c>
      <c r="E150" s="22" t="s">
        <v>6</v>
      </c>
      <c r="F150" s="22" t="s">
        <v>7</v>
      </c>
      <c r="G150" s="23" t="s">
        <v>127</v>
      </c>
      <c r="H150" s="24" t="s">
        <v>9</v>
      </c>
      <c r="I150" s="128" t="s">
        <v>10</v>
      </c>
      <c r="J150" s="29"/>
      <c r="K150" s="29"/>
      <c r="L150" s="25" t="s">
        <v>11</v>
      </c>
      <c r="M150" s="24" t="s">
        <v>12</v>
      </c>
      <c r="N150" s="26" t="s">
        <v>129</v>
      </c>
    </row>
    <row r="151" spans="2:14" ht="14.25" customHeight="1" x14ac:dyDescent="0.15">
      <c r="B151" s="15"/>
      <c r="C151" s="27"/>
      <c r="D151" s="27"/>
      <c r="E151" s="30"/>
      <c r="F151" s="30" t="s">
        <v>14</v>
      </c>
      <c r="G151" s="31" t="s">
        <v>15</v>
      </c>
      <c r="H151" s="31" t="s">
        <v>16</v>
      </c>
      <c r="I151" s="128" t="s">
        <v>145</v>
      </c>
      <c r="J151" s="129"/>
      <c r="K151" s="130"/>
      <c r="L151" s="24" t="s">
        <v>132</v>
      </c>
      <c r="M151" s="32" t="s">
        <v>19</v>
      </c>
      <c r="N151" s="26"/>
    </row>
    <row r="152" spans="2:14" ht="7.5" customHeight="1" x14ac:dyDescent="0.15">
      <c r="B152" s="34"/>
      <c r="C152" s="35"/>
      <c r="D152" s="36"/>
      <c r="E152" s="37"/>
      <c r="F152" s="37"/>
      <c r="G152" s="38"/>
      <c r="H152" s="39"/>
      <c r="I152" s="40"/>
      <c r="J152" s="192"/>
      <c r="K152" s="193"/>
      <c r="L152" s="40"/>
      <c r="M152" s="39"/>
      <c r="N152" s="41"/>
    </row>
    <row r="153" spans="2:14" ht="7.5" customHeight="1" x14ac:dyDescent="0.15">
      <c r="B153" s="15"/>
      <c r="C153" s="13"/>
      <c r="D153" s="13"/>
      <c r="E153" s="83"/>
      <c r="F153" s="246"/>
      <c r="G153" s="266"/>
      <c r="H153" s="266"/>
      <c r="I153" s="245"/>
      <c r="J153" s="245"/>
      <c r="K153" s="245"/>
      <c r="L153" s="266"/>
      <c r="M153" s="266"/>
      <c r="N153" s="267"/>
    </row>
    <row r="154" spans="2:14" ht="14.25" customHeight="1" x14ac:dyDescent="0.15">
      <c r="B154" s="15"/>
      <c r="C154" s="7" t="s">
        <v>314</v>
      </c>
      <c r="D154" s="7" t="s">
        <v>315</v>
      </c>
      <c r="E154" s="43">
        <v>39</v>
      </c>
      <c r="F154" s="268">
        <v>51</v>
      </c>
      <c r="G154" s="8">
        <v>50</v>
      </c>
      <c r="H154" s="8">
        <v>1</v>
      </c>
      <c r="I154" s="8"/>
      <c r="J154" s="8"/>
      <c r="K154" s="8">
        <v>39</v>
      </c>
      <c r="L154" s="8">
        <v>3</v>
      </c>
      <c r="M154" s="123">
        <v>1.23</v>
      </c>
      <c r="N154" s="135">
        <v>0</v>
      </c>
    </row>
    <row r="155" spans="2:14" ht="7.5" customHeight="1" x14ac:dyDescent="0.15">
      <c r="B155" s="34"/>
      <c r="C155" s="185"/>
      <c r="D155" s="185"/>
      <c r="E155" s="65"/>
      <c r="F155" s="66"/>
      <c r="G155" s="66"/>
      <c r="H155" s="66"/>
      <c r="I155" s="188"/>
      <c r="J155" s="188"/>
      <c r="K155" s="188"/>
      <c r="L155" s="66"/>
      <c r="M155" s="66"/>
      <c r="N155" s="68"/>
    </row>
    <row r="156" spans="2:14" ht="13.5" customHeight="1" x14ac:dyDescent="0.15"/>
    <row r="157" spans="2:14" ht="13.5" customHeight="1" x14ac:dyDescent="0.15"/>
    <row r="158" spans="2:14" ht="14.25" customHeight="1" x14ac:dyDescent="0.15">
      <c r="B158" s="7" t="s">
        <v>316</v>
      </c>
    </row>
    <row r="159" spans="2:14" ht="7.5" customHeight="1" x14ac:dyDescent="0.15">
      <c r="B159" s="10"/>
      <c r="C159" s="11"/>
      <c r="D159" s="11"/>
      <c r="E159" s="246"/>
      <c r="F159" s="246"/>
      <c r="G159" s="266"/>
      <c r="H159" s="266"/>
      <c r="I159" s="245"/>
      <c r="J159" s="245"/>
      <c r="K159" s="245"/>
      <c r="L159" s="266"/>
      <c r="M159" s="266"/>
      <c r="N159" s="267"/>
    </row>
    <row r="160" spans="2:14" ht="15.75" customHeight="1" x14ac:dyDescent="0.15">
      <c r="B160" s="15"/>
      <c r="E160" s="16"/>
      <c r="F160" s="17"/>
      <c r="G160" s="18" t="s">
        <v>2</v>
      </c>
      <c r="H160" s="18"/>
      <c r="I160" s="189"/>
      <c r="J160" s="190"/>
      <c r="K160" s="191"/>
      <c r="L160" s="19" t="s">
        <v>123</v>
      </c>
      <c r="M160" s="20"/>
      <c r="N160" s="21"/>
    </row>
    <row r="161" spans="2:14" ht="14.25" customHeight="1" x14ac:dyDescent="0.15">
      <c r="B161" s="15"/>
      <c r="C161" s="7" t="s">
        <v>4</v>
      </c>
      <c r="D161" s="7" t="s">
        <v>40</v>
      </c>
      <c r="E161" s="22" t="s">
        <v>6</v>
      </c>
      <c r="F161" s="22" t="s">
        <v>7</v>
      </c>
      <c r="G161" s="23" t="s">
        <v>127</v>
      </c>
      <c r="H161" s="24" t="s">
        <v>9</v>
      </c>
      <c r="I161" s="128" t="s">
        <v>10</v>
      </c>
      <c r="J161" s="29"/>
      <c r="K161" s="29"/>
      <c r="L161" s="25" t="s">
        <v>11</v>
      </c>
      <c r="M161" s="24" t="s">
        <v>12</v>
      </c>
      <c r="N161" s="26" t="s">
        <v>129</v>
      </c>
    </row>
    <row r="162" spans="2:14" ht="14.25" customHeight="1" x14ac:dyDescent="0.15">
      <c r="B162" s="15"/>
      <c r="C162" s="27"/>
      <c r="D162" s="27"/>
      <c r="E162" s="30"/>
      <c r="F162" s="30" t="s">
        <v>14</v>
      </c>
      <c r="G162" s="31" t="s">
        <v>15</v>
      </c>
      <c r="H162" s="31" t="s">
        <v>16</v>
      </c>
      <c r="I162" s="128" t="s">
        <v>145</v>
      </c>
      <c r="J162" s="129"/>
      <c r="K162" s="130"/>
      <c r="L162" s="24" t="s">
        <v>132</v>
      </c>
      <c r="M162" s="32" t="s">
        <v>19</v>
      </c>
      <c r="N162" s="26"/>
    </row>
    <row r="163" spans="2:14" ht="7.5" customHeight="1" x14ac:dyDescent="0.15">
      <c r="B163" s="34"/>
      <c r="C163" s="35"/>
      <c r="D163" s="35"/>
      <c r="E163" s="37"/>
      <c r="F163" s="37"/>
      <c r="G163" s="38"/>
      <c r="H163" s="39"/>
      <c r="I163" s="40"/>
      <c r="J163" s="192"/>
      <c r="K163" s="193"/>
      <c r="L163" s="40"/>
      <c r="M163" s="39"/>
      <c r="N163" s="41"/>
    </row>
    <row r="164" spans="2:14" ht="7.5" customHeight="1" x14ac:dyDescent="0.15">
      <c r="B164" s="15"/>
      <c r="C164" s="27"/>
      <c r="D164" s="27"/>
      <c r="E164" s="83"/>
      <c r="F164" s="253"/>
      <c r="G164" s="76"/>
      <c r="H164" s="76"/>
      <c r="I164" s="85"/>
      <c r="J164" s="85"/>
      <c r="K164" s="85"/>
      <c r="L164" s="76"/>
      <c r="M164" s="76"/>
      <c r="N164" s="86"/>
    </row>
    <row r="165" spans="2:14" ht="14.25" customHeight="1" x14ac:dyDescent="0.15">
      <c r="B165" s="15"/>
      <c r="C165" s="7" t="s">
        <v>317</v>
      </c>
      <c r="D165" s="281" t="s">
        <v>318</v>
      </c>
      <c r="E165" s="43">
        <v>38</v>
      </c>
      <c r="F165" s="268">
        <v>46</v>
      </c>
      <c r="G165" s="8">
        <v>46</v>
      </c>
      <c r="H165" s="8">
        <v>0</v>
      </c>
      <c r="I165" s="8"/>
      <c r="J165" s="8"/>
      <c r="K165" s="8">
        <v>38</v>
      </c>
      <c r="L165" s="8">
        <v>1</v>
      </c>
      <c r="M165" s="123">
        <v>1.18</v>
      </c>
      <c r="N165" s="135">
        <v>0</v>
      </c>
    </row>
    <row r="166" spans="2:14" ht="21.75" customHeight="1" x14ac:dyDescent="0.15">
      <c r="B166" s="15"/>
      <c r="C166" s="7" t="s">
        <v>319</v>
      </c>
      <c r="D166" s="7" t="s">
        <v>320</v>
      </c>
      <c r="E166" s="43">
        <v>39</v>
      </c>
      <c r="F166" s="268">
        <v>49</v>
      </c>
      <c r="G166" s="8">
        <v>49</v>
      </c>
      <c r="H166" s="8">
        <v>0</v>
      </c>
      <c r="I166" s="8"/>
      <c r="J166" s="8"/>
      <c r="K166" s="8">
        <v>39</v>
      </c>
      <c r="L166" s="8">
        <v>0</v>
      </c>
      <c r="M166" s="123">
        <v>1.26</v>
      </c>
      <c r="N166" s="135">
        <v>0</v>
      </c>
    </row>
    <row r="167" spans="2:14" ht="7.5" customHeight="1" x14ac:dyDescent="0.15">
      <c r="B167" s="34"/>
      <c r="C167" s="185"/>
      <c r="D167" s="185"/>
      <c r="E167" s="65"/>
      <c r="F167" s="66"/>
      <c r="G167" s="66"/>
      <c r="H167" s="66"/>
      <c r="I167" s="188"/>
      <c r="J167" s="188"/>
      <c r="K167" s="188"/>
      <c r="L167" s="66"/>
      <c r="M167" s="66"/>
      <c r="N167" s="68"/>
    </row>
    <row r="168" spans="2:14" ht="7.5" customHeight="1" x14ac:dyDescent="0.15">
      <c r="B168" s="15"/>
      <c r="C168" s="55"/>
      <c r="D168" s="55"/>
      <c r="E168" s="43"/>
      <c r="I168" s="142"/>
      <c r="J168" s="282"/>
      <c r="K168" s="8"/>
      <c r="L168" s="134"/>
      <c r="M168" s="9"/>
      <c r="N168" s="283"/>
    </row>
    <row r="169" spans="2:14" s="54" customFormat="1" ht="14.25" customHeight="1" x14ac:dyDescent="0.15">
      <c r="B169" s="126"/>
      <c r="C169" s="419" t="s">
        <v>37</v>
      </c>
      <c r="D169" s="420"/>
      <c r="E169" s="49">
        <v>77</v>
      </c>
      <c r="F169" s="173">
        <v>95</v>
      </c>
      <c r="G169" s="173">
        <v>95</v>
      </c>
      <c r="H169" s="173">
        <v>0</v>
      </c>
      <c r="I169" s="173"/>
      <c r="J169" s="173"/>
      <c r="K169" s="173">
        <v>77</v>
      </c>
      <c r="L169" s="173">
        <v>1</v>
      </c>
      <c r="M169" s="127">
        <v>1.22</v>
      </c>
      <c r="N169" s="269">
        <v>0</v>
      </c>
    </row>
    <row r="170" spans="2:14" ht="7.5" customHeight="1" x14ac:dyDescent="0.15">
      <c r="B170" s="34"/>
      <c r="C170" s="64"/>
      <c r="D170" s="64"/>
      <c r="E170" s="65"/>
      <c r="F170" s="66"/>
      <c r="G170" s="66"/>
      <c r="H170" s="66"/>
      <c r="I170" s="66"/>
      <c r="J170" s="284"/>
      <c r="K170" s="66"/>
      <c r="L170" s="66"/>
      <c r="M170" s="66"/>
      <c r="N170" s="68"/>
    </row>
    <row r="171" spans="2:14" ht="13.5" customHeight="1" x14ac:dyDescent="0.15"/>
    <row r="172" spans="2:14" ht="13.5" customHeight="1" x14ac:dyDescent="0.15"/>
    <row r="173" spans="2:14" ht="14.25" customHeight="1" x14ac:dyDescent="0.15">
      <c r="B173" s="7" t="s">
        <v>321</v>
      </c>
    </row>
    <row r="174" spans="2:14" ht="7.5" customHeight="1" x14ac:dyDescent="0.15">
      <c r="B174" s="10"/>
      <c r="C174" s="11"/>
      <c r="D174" s="11"/>
      <c r="E174" s="246"/>
      <c r="F174" s="246"/>
      <c r="G174" s="266"/>
      <c r="H174" s="266"/>
      <c r="I174" s="245"/>
      <c r="J174" s="245"/>
      <c r="K174" s="245"/>
      <c r="L174" s="266"/>
      <c r="M174" s="266"/>
      <c r="N174" s="267"/>
    </row>
    <row r="175" spans="2:14" ht="15.75" customHeight="1" x14ac:dyDescent="0.15">
      <c r="B175" s="15"/>
      <c r="E175" s="16"/>
      <c r="F175" s="17"/>
      <c r="G175" s="18" t="s">
        <v>2</v>
      </c>
      <c r="H175" s="18"/>
      <c r="I175" s="189"/>
      <c r="J175" s="190"/>
      <c r="K175" s="191"/>
      <c r="L175" s="19" t="s">
        <v>123</v>
      </c>
      <c r="M175" s="20"/>
      <c r="N175" s="21"/>
    </row>
    <row r="176" spans="2:14" ht="14.25" customHeight="1" x14ac:dyDescent="0.15">
      <c r="B176" s="15"/>
      <c r="C176" s="7" t="s">
        <v>4</v>
      </c>
      <c r="D176" s="7" t="s">
        <v>40</v>
      </c>
      <c r="E176" s="22" t="s">
        <v>6</v>
      </c>
      <c r="F176" s="22" t="s">
        <v>7</v>
      </c>
      <c r="G176" s="23" t="s">
        <v>127</v>
      </c>
      <c r="H176" s="24" t="s">
        <v>9</v>
      </c>
      <c r="I176" s="128" t="s">
        <v>10</v>
      </c>
      <c r="J176" s="29"/>
      <c r="K176" s="29"/>
      <c r="L176" s="25" t="s">
        <v>11</v>
      </c>
      <c r="M176" s="24" t="s">
        <v>12</v>
      </c>
      <c r="N176" s="26" t="s">
        <v>129</v>
      </c>
    </row>
    <row r="177" spans="2:14" ht="14.25" customHeight="1" x14ac:dyDescent="0.15">
      <c r="B177" s="15"/>
      <c r="C177" s="27"/>
      <c r="D177" s="27"/>
      <c r="E177" s="30"/>
      <c r="F177" s="30" t="s">
        <v>14</v>
      </c>
      <c r="G177" s="31" t="s">
        <v>15</v>
      </c>
      <c r="H177" s="31" t="s">
        <v>16</v>
      </c>
      <c r="I177" s="128" t="s">
        <v>145</v>
      </c>
      <c r="J177" s="129"/>
      <c r="K177" s="130"/>
      <c r="L177" s="24" t="s">
        <v>132</v>
      </c>
      <c r="M177" s="32" t="s">
        <v>19</v>
      </c>
      <c r="N177" s="26"/>
    </row>
    <row r="178" spans="2:14" ht="7.5" customHeight="1" x14ac:dyDescent="0.15">
      <c r="B178" s="34"/>
      <c r="C178" s="35"/>
      <c r="D178" s="35"/>
      <c r="E178" s="37"/>
      <c r="F178" s="37"/>
      <c r="G178" s="38"/>
      <c r="H178" s="39"/>
      <c r="I178" s="40"/>
      <c r="J178" s="192"/>
      <c r="K178" s="193"/>
      <c r="L178" s="40"/>
      <c r="M178" s="39"/>
      <c r="N178" s="41"/>
    </row>
    <row r="179" spans="2:14" ht="7.5" customHeight="1" x14ac:dyDescent="0.15">
      <c r="B179" s="15"/>
      <c r="C179" s="27"/>
      <c r="D179" s="27"/>
      <c r="E179" s="83"/>
      <c r="F179" s="253"/>
      <c r="G179" s="76"/>
      <c r="H179" s="76"/>
      <c r="I179" s="85"/>
      <c r="J179" s="85"/>
      <c r="K179" s="85"/>
      <c r="L179" s="76"/>
      <c r="M179" s="76"/>
      <c r="N179" s="86"/>
    </row>
    <row r="180" spans="2:14" ht="14.25" customHeight="1" x14ac:dyDescent="0.15">
      <c r="B180" s="15"/>
      <c r="C180" s="7" t="s">
        <v>322</v>
      </c>
      <c r="D180" s="93" t="s">
        <v>323</v>
      </c>
      <c r="E180" s="43">
        <v>38</v>
      </c>
      <c r="F180" s="268">
        <v>34</v>
      </c>
      <c r="G180" s="8">
        <v>34</v>
      </c>
      <c r="H180" s="8">
        <v>0</v>
      </c>
      <c r="I180" s="8"/>
      <c r="J180" s="8"/>
      <c r="K180" s="8">
        <v>34</v>
      </c>
      <c r="L180" s="8">
        <v>0</v>
      </c>
      <c r="M180" s="123">
        <v>1</v>
      </c>
      <c r="N180" s="135">
        <v>4</v>
      </c>
    </row>
    <row r="181" spans="2:14" ht="14.25" customHeight="1" x14ac:dyDescent="0.15">
      <c r="B181" s="15"/>
      <c r="C181" s="7" t="s">
        <v>324</v>
      </c>
      <c r="D181" s="93" t="s">
        <v>323</v>
      </c>
      <c r="E181" s="43">
        <v>38</v>
      </c>
      <c r="F181" s="268">
        <v>47</v>
      </c>
      <c r="G181" s="8">
        <v>47</v>
      </c>
      <c r="H181" s="8">
        <v>0</v>
      </c>
      <c r="I181" s="8"/>
      <c r="J181" s="8"/>
      <c r="K181" s="8">
        <v>38</v>
      </c>
      <c r="L181" s="8">
        <v>0</v>
      </c>
      <c r="M181" s="123">
        <v>1.24</v>
      </c>
      <c r="N181" s="135">
        <v>0</v>
      </c>
    </row>
    <row r="182" spans="2:14" ht="7.5" customHeight="1" x14ac:dyDescent="0.15">
      <c r="B182" s="34"/>
      <c r="C182" s="185"/>
      <c r="D182" s="185"/>
      <c r="E182" s="65"/>
      <c r="F182" s="66"/>
      <c r="G182" s="66"/>
      <c r="H182" s="66"/>
      <c r="I182" s="188"/>
      <c r="J182" s="188"/>
      <c r="K182" s="188"/>
      <c r="L182" s="66"/>
      <c r="M182" s="66"/>
      <c r="N182" s="68"/>
    </row>
    <row r="183" spans="2:14" ht="7.5" customHeight="1" x14ac:dyDescent="0.15">
      <c r="B183" s="15"/>
      <c r="C183" s="55"/>
      <c r="D183" s="55"/>
      <c r="E183" s="43"/>
      <c r="I183" s="142"/>
      <c r="J183" s="282"/>
      <c r="K183" s="8"/>
      <c r="L183" s="134"/>
      <c r="M183" s="9"/>
      <c r="N183" s="283"/>
    </row>
    <row r="184" spans="2:14" s="54" customFormat="1" ht="14.25" customHeight="1" x14ac:dyDescent="0.15">
      <c r="B184" s="126"/>
      <c r="C184" s="419" t="s">
        <v>37</v>
      </c>
      <c r="D184" s="420"/>
      <c r="E184" s="49">
        <v>76</v>
      </c>
      <c r="F184" s="173">
        <v>81</v>
      </c>
      <c r="G184" s="173">
        <v>81</v>
      </c>
      <c r="H184" s="173">
        <v>0</v>
      </c>
      <c r="I184" s="173"/>
      <c r="J184" s="173"/>
      <c r="K184" s="173">
        <v>72</v>
      </c>
      <c r="L184" s="173">
        <v>0</v>
      </c>
      <c r="M184" s="127">
        <v>1.1299999999999999</v>
      </c>
      <c r="N184" s="269">
        <v>4</v>
      </c>
    </row>
    <row r="185" spans="2:14" ht="7.5" customHeight="1" x14ac:dyDescent="0.15">
      <c r="B185" s="34"/>
      <c r="C185" s="64"/>
      <c r="D185" s="64"/>
      <c r="E185" s="65"/>
      <c r="F185" s="66"/>
      <c r="G185" s="66"/>
      <c r="H185" s="66"/>
      <c r="I185" s="66"/>
      <c r="J185" s="284"/>
      <c r="K185" s="66"/>
      <c r="L185" s="66"/>
      <c r="M185" s="66"/>
      <c r="N185" s="68"/>
    </row>
    <row r="188" spans="2:14" ht="14.25" customHeight="1" x14ac:dyDescent="0.15">
      <c r="B188" s="7" t="s">
        <v>325</v>
      </c>
    </row>
    <row r="189" spans="2:14" ht="7.5" customHeight="1" x14ac:dyDescent="0.15">
      <c r="B189" s="10"/>
      <c r="C189" s="11"/>
      <c r="D189" s="11"/>
      <c r="E189" s="246"/>
      <c r="F189" s="246"/>
      <c r="G189" s="266"/>
      <c r="H189" s="266"/>
      <c r="I189" s="245"/>
      <c r="J189" s="245"/>
      <c r="K189" s="245"/>
      <c r="L189" s="266"/>
      <c r="M189" s="266"/>
      <c r="N189" s="267"/>
    </row>
    <row r="190" spans="2:14" ht="15.75" customHeight="1" x14ac:dyDescent="0.15">
      <c r="B190" s="15"/>
      <c r="E190" s="16"/>
      <c r="F190" s="17"/>
      <c r="G190" s="18" t="s">
        <v>2</v>
      </c>
      <c r="H190" s="18"/>
      <c r="I190" s="189"/>
      <c r="J190" s="190"/>
      <c r="K190" s="191"/>
      <c r="L190" s="19" t="s">
        <v>123</v>
      </c>
      <c r="M190" s="20"/>
      <c r="N190" s="21"/>
    </row>
    <row r="191" spans="2:14" ht="14.25" customHeight="1" x14ac:dyDescent="0.15">
      <c r="B191" s="15"/>
      <c r="C191" s="7" t="s">
        <v>4</v>
      </c>
      <c r="D191" s="7" t="s">
        <v>40</v>
      </c>
      <c r="E191" s="22" t="s">
        <v>6</v>
      </c>
      <c r="F191" s="22" t="s">
        <v>7</v>
      </c>
      <c r="G191" s="23" t="s">
        <v>127</v>
      </c>
      <c r="H191" s="24" t="s">
        <v>9</v>
      </c>
      <c r="I191" s="128" t="s">
        <v>10</v>
      </c>
      <c r="J191" s="29"/>
      <c r="K191" s="29"/>
      <c r="L191" s="25" t="s">
        <v>11</v>
      </c>
      <c r="M191" s="24" t="s">
        <v>12</v>
      </c>
      <c r="N191" s="26" t="s">
        <v>129</v>
      </c>
    </row>
    <row r="192" spans="2:14" ht="14.25" customHeight="1" x14ac:dyDescent="0.15">
      <c r="B192" s="15"/>
      <c r="C192" s="27"/>
      <c r="D192" s="27"/>
      <c r="E192" s="30"/>
      <c r="F192" s="30" t="s">
        <v>14</v>
      </c>
      <c r="G192" s="31" t="s">
        <v>15</v>
      </c>
      <c r="H192" s="31" t="s">
        <v>16</v>
      </c>
      <c r="I192" s="128" t="s">
        <v>145</v>
      </c>
      <c r="J192" s="129"/>
      <c r="K192" s="130"/>
      <c r="L192" s="24" t="s">
        <v>132</v>
      </c>
      <c r="M192" s="32" t="s">
        <v>19</v>
      </c>
      <c r="N192" s="26"/>
    </row>
    <row r="193" spans="2:14" ht="7.5" customHeight="1" x14ac:dyDescent="0.15">
      <c r="B193" s="34"/>
      <c r="C193" s="35"/>
      <c r="D193" s="35"/>
      <c r="E193" s="37"/>
      <c r="F193" s="37"/>
      <c r="G193" s="38"/>
      <c r="H193" s="39"/>
      <c r="I193" s="40"/>
      <c r="J193" s="192"/>
      <c r="K193" s="193"/>
      <c r="L193" s="40"/>
      <c r="M193" s="39"/>
      <c r="N193" s="41"/>
    </row>
    <row r="194" spans="2:14" ht="7.5" customHeight="1" x14ac:dyDescent="0.15">
      <c r="B194" s="15"/>
      <c r="C194" s="27"/>
      <c r="D194" s="27"/>
      <c r="E194" s="83"/>
      <c r="F194" s="253"/>
      <c r="G194" s="76"/>
      <c r="H194" s="76"/>
      <c r="I194" s="85"/>
      <c r="J194" s="85"/>
      <c r="K194" s="85"/>
      <c r="L194" s="76"/>
      <c r="M194" s="76"/>
      <c r="N194" s="86"/>
    </row>
    <row r="195" spans="2:14" ht="14.25" customHeight="1" x14ac:dyDescent="0.15">
      <c r="B195" s="15"/>
      <c r="C195" s="93" t="s">
        <v>111</v>
      </c>
      <c r="D195" s="93" t="s">
        <v>66</v>
      </c>
      <c r="E195" s="43">
        <v>35</v>
      </c>
      <c r="F195" s="268">
        <v>52</v>
      </c>
      <c r="G195" s="8">
        <v>52</v>
      </c>
      <c r="H195" s="8">
        <v>0</v>
      </c>
      <c r="I195" s="8"/>
      <c r="J195" s="8"/>
      <c r="K195" s="8">
        <v>35</v>
      </c>
      <c r="L195" s="8">
        <v>0</v>
      </c>
      <c r="M195" s="123">
        <v>1.49</v>
      </c>
      <c r="N195" s="135">
        <v>0</v>
      </c>
    </row>
    <row r="196" spans="2:14" ht="14.25" customHeight="1" x14ac:dyDescent="0.15">
      <c r="B196" s="15"/>
      <c r="C196" s="7" t="s">
        <v>319</v>
      </c>
      <c r="D196" s="7" t="s">
        <v>326</v>
      </c>
      <c r="E196" s="43">
        <v>39</v>
      </c>
      <c r="F196" s="268">
        <v>49</v>
      </c>
      <c r="G196" s="8">
        <v>49</v>
      </c>
      <c r="H196" s="8">
        <v>0</v>
      </c>
      <c r="I196" s="8"/>
      <c r="J196" s="8"/>
      <c r="K196" s="8">
        <v>39</v>
      </c>
      <c r="L196" s="8">
        <v>0</v>
      </c>
      <c r="M196" s="123">
        <v>1.26</v>
      </c>
      <c r="N196" s="135">
        <v>0</v>
      </c>
    </row>
    <row r="197" spans="2:14" ht="7.5" customHeight="1" x14ac:dyDescent="0.15">
      <c r="B197" s="94"/>
      <c r="C197" s="95"/>
      <c r="D197" s="95"/>
      <c r="E197" s="270"/>
      <c r="F197" s="97"/>
      <c r="G197" s="97"/>
      <c r="H197" s="97"/>
      <c r="I197" s="179"/>
      <c r="J197" s="285"/>
      <c r="K197" s="97"/>
      <c r="L197" s="280"/>
      <c r="M197" s="194"/>
      <c r="N197" s="286"/>
    </row>
    <row r="198" spans="2:14" ht="7.5" customHeight="1" x14ac:dyDescent="0.15">
      <c r="B198" s="15"/>
      <c r="C198" s="55"/>
      <c r="D198" s="55"/>
      <c r="E198" s="43"/>
      <c r="I198" s="142"/>
      <c r="J198" s="282"/>
      <c r="K198" s="8"/>
      <c r="L198" s="134"/>
      <c r="M198" s="9"/>
      <c r="N198" s="283"/>
    </row>
    <row r="199" spans="2:14" s="54" customFormat="1" ht="14.25" customHeight="1" x14ac:dyDescent="0.15">
      <c r="B199" s="126"/>
      <c r="C199" s="419" t="s">
        <v>37</v>
      </c>
      <c r="D199" s="420"/>
      <c r="E199" s="49">
        <v>74</v>
      </c>
      <c r="F199" s="173">
        <v>101</v>
      </c>
      <c r="G199" s="173">
        <v>101</v>
      </c>
      <c r="H199" s="173">
        <v>0</v>
      </c>
      <c r="I199" s="173"/>
      <c r="J199" s="173"/>
      <c r="K199" s="173">
        <v>74</v>
      </c>
      <c r="L199" s="173">
        <v>0</v>
      </c>
      <c r="M199" s="127">
        <v>1.36</v>
      </c>
      <c r="N199" s="269">
        <v>0</v>
      </c>
    </row>
    <row r="200" spans="2:14" ht="7.5" customHeight="1" x14ac:dyDescent="0.15">
      <c r="B200" s="34"/>
      <c r="C200" s="64"/>
      <c r="D200" s="64"/>
      <c r="E200" s="65"/>
      <c r="F200" s="66"/>
      <c r="G200" s="66"/>
      <c r="H200" s="66"/>
      <c r="I200" s="66"/>
      <c r="J200" s="284"/>
      <c r="K200" s="66"/>
      <c r="L200" s="66"/>
      <c r="M200" s="66"/>
      <c r="N200" s="68"/>
    </row>
    <row r="201" spans="2:14" ht="14.25" customHeight="1" x14ac:dyDescent="0.15"/>
    <row r="202" spans="2:14" ht="7.5" customHeight="1" x14ac:dyDescent="0.15"/>
    <row r="204" spans="2:14" ht="14.25" customHeight="1" x14ac:dyDescent="0.15"/>
  </sheetData>
  <mergeCells count="9">
    <mergeCell ref="C144:D144"/>
    <mergeCell ref="C169:D169"/>
    <mergeCell ref="C184:D184"/>
    <mergeCell ref="C199:D199"/>
    <mergeCell ref="C24:D24"/>
    <mergeCell ref="B51:N51"/>
    <mergeCell ref="C79:D79"/>
    <mergeCell ref="C101:D101"/>
    <mergeCell ref="B103:N103"/>
  </mergeCells>
  <phoneticPr fontId="3"/>
  <printOptions horizontalCentered="1"/>
  <pageMargins left="0.78740157480314965" right="0.78740157480314965" top="0.78740157480314965" bottom="0.59055118110236227" header="0.51181102362204722" footer="0.39370078740157483"/>
  <pageSetup paperSize="9" scale="72" firstPageNumber="4" fitToHeight="0" orientation="portrait" useFirstPageNumber="1" r:id="rId1"/>
  <headerFooter alignWithMargins="0">
    <oddFooter>&amp;C&amp;"ＭＳ ゴシック,標準"&amp;P</oddFooter>
  </headerFooter>
  <rowBreaks count="4" manualBreakCount="4">
    <brk id="51" max="16383" man="1"/>
    <brk id="104" max="16383" man="1"/>
    <brk id="157" max="16383" man="1"/>
    <brk id="210" min="2" max="12"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8EA8F2-3C76-4462-BBEB-A9B90BAC07B4}">
  <sheetPr>
    <pageSetUpPr fitToPage="1"/>
  </sheetPr>
  <dimension ref="B2:O202"/>
  <sheetViews>
    <sheetView view="pageBreakPreview" topLeftCell="A154" zoomScale="85" zoomScaleNormal="85" zoomScaleSheetLayoutView="85" workbookViewId="0"/>
  </sheetViews>
  <sheetFormatPr defaultColWidth="9" defaultRowHeight="13.5" x14ac:dyDescent="0.15"/>
  <cols>
    <col min="1" max="2" width="1.5" style="7" customWidth="1"/>
    <col min="3" max="3" width="21" style="7" customWidth="1"/>
    <col min="4" max="4" width="14.5" style="7" customWidth="1"/>
    <col min="5" max="5" width="10.375" style="7" bestFit="1" customWidth="1"/>
    <col min="6" max="6" width="9" style="7" customWidth="1"/>
    <col min="7" max="7" width="9.25" style="7" bestFit="1" customWidth="1"/>
    <col min="8" max="8" width="7.375" style="7" bestFit="1" customWidth="1"/>
    <col min="9" max="9" width="5.25" style="7" bestFit="1" customWidth="1"/>
    <col min="10" max="10" width="5" style="7" bestFit="1" customWidth="1"/>
    <col min="11" max="11" width="7.875" style="7" bestFit="1" customWidth="1"/>
    <col min="12" max="12" width="12.375" style="7" bestFit="1" customWidth="1"/>
    <col min="13" max="13" width="10.25" style="7" bestFit="1" customWidth="1"/>
    <col min="14" max="14" width="9.125" style="7" bestFit="1" customWidth="1"/>
    <col min="15" max="15" width="1.625" style="7" customWidth="1"/>
    <col min="16" max="16384" width="9" style="7"/>
  </cols>
  <sheetData>
    <row r="2" spans="2:14" ht="7.5" customHeight="1" x14ac:dyDescent="0.15"/>
    <row r="3" spans="2:14" x14ac:dyDescent="0.15">
      <c r="B3" s="7" t="s">
        <v>152</v>
      </c>
      <c r="E3" s="8"/>
      <c r="F3" s="8"/>
      <c r="G3" s="8"/>
      <c r="H3" s="8"/>
      <c r="L3" s="8"/>
      <c r="M3" s="8"/>
      <c r="N3" s="9"/>
    </row>
    <row r="4" spans="2:14" ht="7.5" customHeight="1" x14ac:dyDescent="0.15">
      <c r="B4" s="10"/>
      <c r="C4" s="11"/>
      <c r="D4" s="11"/>
      <c r="E4" s="12"/>
      <c r="F4" s="12"/>
      <c r="G4" s="11"/>
      <c r="H4" s="11"/>
      <c r="I4" s="13"/>
      <c r="J4" s="13"/>
      <c r="K4" s="13"/>
      <c r="L4" s="11"/>
      <c r="M4" s="11"/>
      <c r="N4" s="14"/>
    </row>
    <row r="5" spans="2:14" ht="15.75" customHeight="1" x14ac:dyDescent="0.15">
      <c r="B5" s="15"/>
      <c r="E5" s="16"/>
      <c r="F5" s="17"/>
      <c r="G5" s="18" t="s">
        <v>2</v>
      </c>
      <c r="H5" s="18"/>
      <c r="I5" s="113" t="s">
        <v>183</v>
      </c>
      <c r="J5" s="114"/>
      <c r="K5" s="114"/>
      <c r="L5" s="19" t="s">
        <v>123</v>
      </c>
      <c r="M5" s="20"/>
      <c r="N5" s="21"/>
    </row>
    <row r="6" spans="2:14" ht="14.25" customHeight="1" x14ac:dyDescent="0.15">
      <c r="B6" s="15"/>
      <c r="C6" s="7" t="s">
        <v>4</v>
      </c>
      <c r="D6" s="7" t="s">
        <v>5</v>
      </c>
      <c r="E6" s="22" t="s">
        <v>6</v>
      </c>
      <c r="F6" s="22" t="s">
        <v>7</v>
      </c>
      <c r="G6" s="23" t="s">
        <v>127</v>
      </c>
      <c r="H6" s="24" t="s">
        <v>9</v>
      </c>
      <c r="I6" s="115" t="s">
        <v>128</v>
      </c>
      <c r="J6" s="115" t="s">
        <v>128</v>
      </c>
      <c r="K6" s="116" t="s">
        <v>7</v>
      </c>
      <c r="L6" s="25" t="s">
        <v>11</v>
      </c>
      <c r="M6" s="24" t="s">
        <v>12</v>
      </c>
      <c r="N6" s="26" t="s">
        <v>129</v>
      </c>
    </row>
    <row r="7" spans="2:14" ht="14.25" customHeight="1" x14ac:dyDescent="0.15">
      <c r="B7" s="15"/>
      <c r="C7" s="27"/>
      <c r="D7" s="27"/>
      <c r="E7" s="30"/>
      <c r="F7" s="30" t="s">
        <v>14</v>
      </c>
      <c r="G7" s="31" t="s">
        <v>15</v>
      </c>
      <c r="H7" s="31" t="s">
        <v>16</v>
      </c>
      <c r="I7" s="117" t="s">
        <v>130</v>
      </c>
      <c r="J7" s="117" t="s">
        <v>131</v>
      </c>
      <c r="K7" s="25" t="s">
        <v>145</v>
      </c>
      <c r="L7" s="24" t="s">
        <v>132</v>
      </c>
      <c r="M7" s="32" t="s">
        <v>19</v>
      </c>
      <c r="N7" s="26"/>
    </row>
    <row r="8" spans="2:14" ht="7.5" customHeight="1" x14ac:dyDescent="0.15">
      <c r="B8" s="34"/>
      <c r="C8" s="35"/>
      <c r="D8" s="35"/>
      <c r="E8" s="37"/>
      <c r="F8" s="37"/>
      <c r="G8" s="38"/>
      <c r="H8" s="39"/>
      <c r="I8" s="168"/>
      <c r="J8" s="168"/>
      <c r="K8" s="168"/>
      <c r="L8" s="40"/>
      <c r="M8" s="39"/>
      <c r="N8" s="41"/>
    </row>
    <row r="9" spans="2:14" ht="7.5" customHeight="1" x14ac:dyDescent="0.15">
      <c r="B9" s="10"/>
      <c r="C9" s="27"/>
      <c r="D9" s="27"/>
      <c r="E9" s="42"/>
      <c r="F9" s="71"/>
      <c r="I9" s="27"/>
      <c r="J9" s="27"/>
      <c r="K9" s="27"/>
      <c r="N9" s="72"/>
    </row>
    <row r="10" spans="2:14" ht="14.25" customHeight="1" x14ac:dyDescent="0.15">
      <c r="B10" s="15"/>
      <c r="C10" s="7" t="s">
        <v>20</v>
      </c>
      <c r="D10" s="92" t="s">
        <v>184</v>
      </c>
      <c r="E10" s="43">
        <v>119</v>
      </c>
      <c r="F10" s="8">
        <v>180</v>
      </c>
      <c r="G10" s="169">
        <v>178</v>
      </c>
      <c r="H10" s="169">
        <v>2</v>
      </c>
      <c r="I10" s="170" t="s">
        <v>134</v>
      </c>
      <c r="J10" s="170" t="s">
        <v>134</v>
      </c>
      <c r="K10" s="169">
        <v>119</v>
      </c>
      <c r="L10" s="169">
        <v>1</v>
      </c>
      <c r="M10" s="79">
        <v>1.5</v>
      </c>
      <c r="N10" s="171">
        <v>0</v>
      </c>
    </row>
    <row r="11" spans="2:14" ht="14.25" customHeight="1" x14ac:dyDescent="0.15">
      <c r="B11" s="15"/>
      <c r="C11" s="7" t="s">
        <v>47</v>
      </c>
      <c r="D11" s="92" t="s">
        <v>185</v>
      </c>
      <c r="E11" s="43">
        <v>89</v>
      </c>
      <c r="F11" s="8">
        <v>131</v>
      </c>
      <c r="G11" s="169">
        <v>129</v>
      </c>
      <c r="H11" s="169">
        <v>2</v>
      </c>
      <c r="I11" s="170" t="s">
        <v>134</v>
      </c>
      <c r="J11" s="170" t="s">
        <v>134</v>
      </c>
      <c r="K11" s="169">
        <v>89</v>
      </c>
      <c r="L11" s="169">
        <v>1</v>
      </c>
      <c r="M11" s="79">
        <v>1.46</v>
      </c>
      <c r="N11" s="171">
        <v>0</v>
      </c>
    </row>
    <row r="12" spans="2:14" s="54" customFormat="1" ht="14.25" customHeight="1" x14ac:dyDescent="0.15">
      <c r="B12" s="126"/>
      <c r="D12" s="54" t="s">
        <v>186</v>
      </c>
      <c r="E12" s="172">
        <v>208</v>
      </c>
      <c r="F12" s="173">
        <v>311</v>
      </c>
      <c r="G12" s="173">
        <v>307</v>
      </c>
      <c r="H12" s="173">
        <v>4</v>
      </c>
      <c r="I12" s="170" t="s">
        <v>143</v>
      </c>
      <c r="J12" s="170" t="s">
        <v>143</v>
      </c>
      <c r="K12" s="173">
        <v>208</v>
      </c>
      <c r="L12" s="174">
        <v>2</v>
      </c>
      <c r="M12" s="127">
        <v>1.49</v>
      </c>
      <c r="N12" s="175">
        <v>0</v>
      </c>
    </row>
    <row r="13" spans="2:14" ht="20.25" customHeight="1" x14ac:dyDescent="0.15">
      <c r="B13" s="15"/>
      <c r="C13" s="7" t="s">
        <v>187</v>
      </c>
      <c r="D13" s="7" t="s">
        <v>154</v>
      </c>
      <c r="E13" s="43">
        <v>278</v>
      </c>
      <c r="F13" s="8">
        <v>257</v>
      </c>
      <c r="G13" s="169">
        <v>257</v>
      </c>
      <c r="H13" s="169">
        <v>0</v>
      </c>
      <c r="I13" s="170" t="s">
        <v>134</v>
      </c>
      <c r="J13" s="170" t="s">
        <v>134</v>
      </c>
      <c r="K13" s="169">
        <v>257</v>
      </c>
      <c r="L13" s="169">
        <v>0</v>
      </c>
      <c r="M13" s="79">
        <v>1</v>
      </c>
      <c r="N13" s="171">
        <v>21</v>
      </c>
    </row>
    <row r="14" spans="2:14" ht="14.25" customHeight="1" x14ac:dyDescent="0.15">
      <c r="B14" s="15"/>
      <c r="C14" s="7" t="s">
        <v>188</v>
      </c>
      <c r="D14" s="7" t="s">
        <v>154</v>
      </c>
      <c r="E14" s="43">
        <v>270</v>
      </c>
      <c r="F14" s="8">
        <v>185</v>
      </c>
      <c r="G14" s="169">
        <v>185</v>
      </c>
      <c r="H14" s="169">
        <v>0</v>
      </c>
      <c r="I14" s="170" t="s">
        <v>134</v>
      </c>
      <c r="J14" s="170" t="s">
        <v>134</v>
      </c>
      <c r="K14" s="169">
        <v>185</v>
      </c>
      <c r="L14" s="169">
        <v>0</v>
      </c>
      <c r="M14" s="79">
        <v>1</v>
      </c>
      <c r="N14" s="171">
        <v>85</v>
      </c>
    </row>
    <row r="15" spans="2:14" ht="14.25" customHeight="1" x14ac:dyDescent="0.15">
      <c r="B15" s="15"/>
      <c r="C15" s="7" t="s">
        <v>189</v>
      </c>
      <c r="D15" s="7" t="s">
        <v>154</v>
      </c>
      <c r="E15" s="43">
        <v>305</v>
      </c>
      <c r="F15" s="8">
        <v>330</v>
      </c>
      <c r="G15" s="169">
        <v>330</v>
      </c>
      <c r="H15" s="169">
        <v>0</v>
      </c>
      <c r="I15" s="170" t="s">
        <v>134</v>
      </c>
      <c r="J15" s="170" t="s">
        <v>134</v>
      </c>
      <c r="K15" s="169">
        <v>305</v>
      </c>
      <c r="L15" s="169">
        <v>1</v>
      </c>
      <c r="M15" s="79">
        <v>1.08</v>
      </c>
      <c r="N15" s="171">
        <v>0</v>
      </c>
    </row>
    <row r="16" spans="2:14" ht="14.25" customHeight="1" x14ac:dyDescent="0.15">
      <c r="B16" s="15"/>
      <c r="C16" s="7" t="s">
        <v>190</v>
      </c>
      <c r="D16" s="7" t="s">
        <v>191</v>
      </c>
      <c r="E16" s="43">
        <v>318</v>
      </c>
      <c r="F16" s="8">
        <v>378</v>
      </c>
      <c r="G16" s="169">
        <v>378</v>
      </c>
      <c r="H16" s="169">
        <v>0</v>
      </c>
      <c r="I16" s="170" t="s">
        <v>134</v>
      </c>
      <c r="J16" s="170" t="s">
        <v>134</v>
      </c>
      <c r="K16" s="169">
        <v>318</v>
      </c>
      <c r="L16" s="169">
        <v>5</v>
      </c>
      <c r="M16" s="79">
        <v>1.17</v>
      </c>
      <c r="N16" s="171">
        <v>0</v>
      </c>
    </row>
    <row r="17" spans="2:14" ht="14.25" customHeight="1" x14ac:dyDescent="0.15">
      <c r="B17" s="15"/>
      <c r="C17" s="7" t="s">
        <v>158</v>
      </c>
      <c r="D17" s="7" t="s">
        <v>154</v>
      </c>
      <c r="E17" s="43">
        <v>222</v>
      </c>
      <c r="F17" s="8">
        <v>281</v>
      </c>
      <c r="G17" s="169">
        <v>280</v>
      </c>
      <c r="H17" s="169">
        <v>1</v>
      </c>
      <c r="I17" s="170" t="s">
        <v>134</v>
      </c>
      <c r="J17" s="170" t="s">
        <v>134</v>
      </c>
      <c r="K17" s="169">
        <v>222</v>
      </c>
      <c r="L17" s="169">
        <v>0</v>
      </c>
      <c r="M17" s="79">
        <v>1.27</v>
      </c>
      <c r="N17" s="171">
        <v>0</v>
      </c>
    </row>
    <row r="18" spans="2:14" ht="14.25" customHeight="1" x14ac:dyDescent="0.15">
      <c r="B18" s="15"/>
      <c r="C18" s="7" t="s">
        <v>192</v>
      </c>
      <c r="D18" s="7" t="s">
        <v>154</v>
      </c>
      <c r="E18" s="43">
        <v>225</v>
      </c>
      <c r="F18" s="8">
        <v>147</v>
      </c>
      <c r="G18" s="169">
        <v>146</v>
      </c>
      <c r="H18" s="169">
        <v>1</v>
      </c>
      <c r="I18" s="170" t="s">
        <v>134</v>
      </c>
      <c r="J18" s="170" t="s">
        <v>134</v>
      </c>
      <c r="K18" s="169">
        <v>147</v>
      </c>
      <c r="L18" s="169">
        <v>0</v>
      </c>
      <c r="M18" s="79">
        <v>1</v>
      </c>
      <c r="N18" s="171">
        <v>78</v>
      </c>
    </row>
    <row r="19" spans="2:14" ht="14.25" customHeight="1" x14ac:dyDescent="0.15">
      <c r="B19" s="15"/>
      <c r="C19" s="7" t="s">
        <v>193</v>
      </c>
      <c r="D19" s="7" t="s">
        <v>154</v>
      </c>
      <c r="E19" s="43">
        <v>198</v>
      </c>
      <c r="F19" s="8">
        <v>85</v>
      </c>
      <c r="G19" s="169">
        <v>84</v>
      </c>
      <c r="H19" s="169">
        <v>1</v>
      </c>
      <c r="I19" s="170" t="s">
        <v>134</v>
      </c>
      <c r="J19" s="170" t="s">
        <v>134</v>
      </c>
      <c r="K19" s="169">
        <v>85</v>
      </c>
      <c r="L19" s="169">
        <v>0</v>
      </c>
      <c r="M19" s="79">
        <v>1</v>
      </c>
      <c r="N19" s="171">
        <v>113</v>
      </c>
    </row>
    <row r="20" spans="2:14" ht="14.25" customHeight="1" x14ac:dyDescent="0.15">
      <c r="B20" s="15"/>
      <c r="C20" s="7" t="s">
        <v>194</v>
      </c>
      <c r="D20" s="7" t="s">
        <v>154</v>
      </c>
      <c r="E20" s="43">
        <v>278</v>
      </c>
      <c r="F20" s="8">
        <v>296</v>
      </c>
      <c r="G20" s="169">
        <v>295</v>
      </c>
      <c r="H20" s="169">
        <v>1</v>
      </c>
      <c r="I20" s="170" t="s">
        <v>134</v>
      </c>
      <c r="J20" s="170" t="s">
        <v>134</v>
      </c>
      <c r="K20" s="169">
        <v>278</v>
      </c>
      <c r="L20" s="169">
        <v>2</v>
      </c>
      <c r="M20" s="79">
        <v>1.06</v>
      </c>
      <c r="N20" s="171">
        <v>0</v>
      </c>
    </row>
    <row r="21" spans="2:14" ht="14.25" customHeight="1" x14ac:dyDescent="0.15">
      <c r="B21" s="15"/>
      <c r="C21" s="7" t="s">
        <v>195</v>
      </c>
      <c r="D21" s="7" t="s">
        <v>191</v>
      </c>
      <c r="E21" s="43">
        <v>238</v>
      </c>
      <c r="F21" s="8">
        <v>169</v>
      </c>
      <c r="G21" s="169">
        <v>169</v>
      </c>
      <c r="H21" s="169">
        <v>0</v>
      </c>
      <c r="I21" s="170" t="s">
        <v>134</v>
      </c>
      <c r="J21" s="170" t="s">
        <v>134</v>
      </c>
      <c r="K21" s="169">
        <v>169</v>
      </c>
      <c r="L21" s="169">
        <v>0</v>
      </c>
      <c r="M21" s="79">
        <v>1</v>
      </c>
      <c r="N21" s="171">
        <v>69</v>
      </c>
    </row>
    <row r="22" spans="2:14" ht="14.25" customHeight="1" x14ac:dyDescent="0.15">
      <c r="B22" s="15"/>
      <c r="C22" s="7" t="s">
        <v>196</v>
      </c>
      <c r="D22" s="7" t="s">
        <v>154</v>
      </c>
      <c r="E22" s="43">
        <v>319</v>
      </c>
      <c r="F22" s="8">
        <v>366</v>
      </c>
      <c r="G22" s="169">
        <v>363</v>
      </c>
      <c r="H22" s="169">
        <v>3</v>
      </c>
      <c r="I22" s="170" t="s">
        <v>134</v>
      </c>
      <c r="J22" s="170" t="s">
        <v>134</v>
      </c>
      <c r="K22" s="169">
        <v>319</v>
      </c>
      <c r="L22" s="169">
        <v>2</v>
      </c>
      <c r="M22" s="79">
        <v>1.1399999999999999</v>
      </c>
      <c r="N22" s="171">
        <v>0</v>
      </c>
    </row>
    <row r="23" spans="2:14" ht="14.25" customHeight="1" x14ac:dyDescent="0.15">
      <c r="B23" s="15"/>
      <c r="C23" s="7" t="s">
        <v>197</v>
      </c>
      <c r="D23" s="7" t="s">
        <v>154</v>
      </c>
      <c r="E23" s="43">
        <v>230</v>
      </c>
      <c r="F23" s="8">
        <v>232</v>
      </c>
      <c r="G23" s="169">
        <v>230</v>
      </c>
      <c r="H23" s="169">
        <v>2</v>
      </c>
      <c r="I23" s="170" t="s">
        <v>134</v>
      </c>
      <c r="J23" s="170" t="s">
        <v>134</v>
      </c>
      <c r="K23" s="169">
        <v>230</v>
      </c>
      <c r="L23" s="169">
        <v>1</v>
      </c>
      <c r="M23" s="79">
        <v>1</v>
      </c>
      <c r="N23" s="171">
        <v>0</v>
      </c>
    </row>
    <row r="24" spans="2:14" ht="14.25" customHeight="1" x14ac:dyDescent="0.15">
      <c r="B24" s="15"/>
      <c r="C24" s="7" t="s">
        <v>198</v>
      </c>
      <c r="D24" s="7" t="s">
        <v>154</v>
      </c>
      <c r="E24" s="43">
        <v>278</v>
      </c>
      <c r="F24" s="8">
        <v>262</v>
      </c>
      <c r="G24" s="169">
        <v>262</v>
      </c>
      <c r="H24" s="169">
        <v>0</v>
      </c>
      <c r="I24" s="170" t="s">
        <v>134</v>
      </c>
      <c r="J24" s="170" t="s">
        <v>134</v>
      </c>
      <c r="K24" s="169">
        <v>262</v>
      </c>
      <c r="L24" s="169">
        <v>0</v>
      </c>
      <c r="M24" s="79">
        <v>1</v>
      </c>
      <c r="N24" s="171">
        <v>16</v>
      </c>
    </row>
    <row r="25" spans="2:14" ht="14.25" customHeight="1" x14ac:dyDescent="0.15">
      <c r="B25" s="15"/>
      <c r="C25" s="7" t="s">
        <v>199</v>
      </c>
      <c r="D25" s="7" t="s">
        <v>154</v>
      </c>
      <c r="E25" s="43">
        <v>183</v>
      </c>
      <c r="F25" s="8">
        <v>188</v>
      </c>
      <c r="G25" s="169">
        <v>186</v>
      </c>
      <c r="H25" s="169">
        <v>2</v>
      </c>
      <c r="I25" s="170" t="s">
        <v>134</v>
      </c>
      <c r="J25" s="170" t="s">
        <v>134</v>
      </c>
      <c r="K25" s="169">
        <v>183</v>
      </c>
      <c r="L25" s="169">
        <v>1</v>
      </c>
      <c r="M25" s="79">
        <v>1.02</v>
      </c>
      <c r="N25" s="171">
        <v>0</v>
      </c>
    </row>
    <row r="26" spans="2:14" ht="21.75" customHeight="1" x14ac:dyDescent="0.15">
      <c r="B26" s="15"/>
      <c r="C26" s="7" t="s">
        <v>35</v>
      </c>
      <c r="D26" s="7" t="s">
        <v>154</v>
      </c>
      <c r="E26" s="43">
        <v>268</v>
      </c>
      <c r="F26" s="8">
        <v>313</v>
      </c>
      <c r="G26" s="169">
        <v>311</v>
      </c>
      <c r="H26" s="169">
        <v>2</v>
      </c>
      <c r="I26" s="170">
        <v>255</v>
      </c>
      <c r="J26" s="170">
        <v>13</v>
      </c>
      <c r="K26" s="169">
        <v>268</v>
      </c>
      <c r="L26" s="169">
        <v>2</v>
      </c>
      <c r="M26" s="79">
        <v>1.1599999999999999</v>
      </c>
      <c r="N26" s="171">
        <v>0</v>
      </c>
    </row>
    <row r="27" spans="2:14" ht="14.25" customHeight="1" x14ac:dyDescent="0.15">
      <c r="B27" s="15"/>
      <c r="C27" s="7" t="s">
        <v>200</v>
      </c>
      <c r="D27" s="92" t="s">
        <v>201</v>
      </c>
      <c r="E27" s="43">
        <v>279</v>
      </c>
      <c r="F27" s="8">
        <v>336</v>
      </c>
      <c r="G27" s="169">
        <v>335</v>
      </c>
      <c r="H27" s="169">
        <v>1</v>
      </c>
      <c r="I27" s="170">
        <v>258</v>
      </c>
      <c r="J27" s="170">
        <v>21</v>
      </c>
      <c r="K27" s="169">
        <v>279</v>
      </c>
      <c r="L27" s="169">
        <v>2</v>
      </c>
      <c r="M27" s="79">
        <v>1.2</v>
      </c>
      <c r="N27" s="171">
        <v>0</v>
      </c>
    </row>
    <row r="28" spans="2:14" ht="7.5" customHeight="1" x14ac:dyDescent="0.15">
      <c r="B28" s="94"/>
      <c r="C28" s="176"/>
      <c r="D28" s="176"/>
      <c r="E28" s="43"/>
      <c r="F28" s="97"/>
      <c r="G28" s="97"/>
      <c r="H28" s="97"/>
      <c r="I28" s="177"/>
      <c r="J28" s="178"/>
      <c r="K28" s="179"/>
      <c r="L28" s="180"/>
      <c r="M28" s="181"/>
      <c r="N28" s="182"/>
    </row>
    <row r="29" spans="2:14" ht="7.5" customHeight="1" x14ac:dyDescent="0.15">
      <c r="B29" s="15"/>
      <c r="E29" s="59"/>
      <c r="F29" s="8"/>
      <c r="G29" s="8"/>
      <c r="H29" s="8"/>
      <c r="I29" s="169"/>
      <c r="J29" s="183"/>
      <c r="K29" s="142"/>
      <c r="L29" s="122"/>
      <c r="M29" s="123"/>
      <c r="N29" s="184"/>
    </row>
    <row r="30" spans="2:14" s="54" customFormat="1" ht="14.25" customHeight="1" x14ac:dyDescent="0.15">
      <c r="B30" s="126"/>
      <c r="C30" s="419" t="s">
        <v>37</v>
      </c>
      <c r="D30" s="420"/>
      <c r="E30" s="172">
        <v>4097</v>
      </c>
      <c r="F30" s="173">
        <v>4136</v>
      </c>
      <c r="G30" s="173">
        <v>4118</v>
      </c>
      <c r="H30" s="173">
        <v>18</v>
      </c>
      <c r="I30" s="170" t="s">
        <v>143</v>
      </c>
      <c r="J30" s="170" t="s">
        <v>143</v>
      </c>
      <c r="K30" s="173">
        <v>3715</v>
      </c>
      <c r="L30" s="174">
        <v>18</v>
      </c>
      <c r="M30" s="127">
        <v>1.1100000000000001</v>
      </c>
      <c r="N30" s="175">
        <v>382</v>
      </c>
    </row>
    <row r="31" spans="2:14" ht="7.5" customHeight="1" x14ac:dyDescent="0.15">
      <c r="B31" s="34"/>
      <c r="C31" s="185"/>
      <c r="D31" s="185"/>
      <c r="E31" s="65"/>
      <c r="F31" s="66"/>
      <c r="G31" s="66"/>
      <c r="H31" s="66"/>
      <c r="I31" s="186"/>
      <c r="J31" s="187"/>
      <c r="K31" s="188"/>
      <c r="L31" s="66"/>
      <c r="M31" s="66"/>
      <c r="N31" s="68"/>
    </row>
    <row r="32" spans="2:14" ht="13.5" customHeight="1" x14ac:dyDescent="0.15">
      <c r="B32" s="69"/>
    </row>
    <row r="33" spans="2:14" ht="13.5" customHeight="1" x14ac:dyDescent="0.15">
      <c r="C33" s="145"/>
      <c r="D33" s="145"/>
      <c r="E33" s="145"/>
      <c r="F33" s="145"/>
      <c r="G33" s="145"/>
      <c r="H33" s="145"/>
      <c r="I33" s="145"/>
      <c r="J33" s="145"/>
      <c r="K33" s="145"/>
      <c r="L33" s="145"/>
      <c r="M33" s="145"/>
      <c r="N33" s="145"/>
    </row>
    <row r="34" spans="2:14" ht="14.25" customHeight="1" x14ac:dyDescent="0.15">
      <c r="B34" s="7" t="s">
        <v>202</v>
      </c>
      <c r="E34" s="8"/>
      <c r="F34" s="8"/>
      <c r="G34" s="8"/>
      <c r="H34" s="8"/>
      <c r="L34" s="8"/>
      <c r="M34" s="8"/>
      <c r="N34" s="9"/>
    </row>
    <row r="35" spans="2:14" ht="7.5" customHeight="1" x14ac:dyDescent="0.15">
      <c r="B35" s="10"/>
      <c r="C35" s="11"/>
      <c r="D35" s="11"/>
      <c r="E35" s="12"/>
      <c r="F35" s="12"/>
      <c r="G35" s="11"/>
      <c r="H35" s="11"/>
      <c r="I35" s="13"/>
      <c r="J35" s="13"/>
      <c r="K35" s="13"/>
      <c r="L35" s="11"/>
      <c r="M35" s="11"/>
      <c r="N35" s="14"/>
    </row>
    <row r="36" spans="2:14" ht="15.75" customHeight="1" x14ac:dyDescent="0.15">
      <c r="B36" s="15"/>
      <c r="E36" s="16"/>
      <c r="F36" s="17"/>
      <c r="G36" s="18" t="s">
        <v>2</v>
      </c>
      <c r="H36" s="18"/>
      <c r="I36" s="189"/>
      <c r="J36" s="190"/>
      <c r="K36" s="191"/>
      <c r="L36" s="19" t="s">
        <v>123</v>
      </c>
      <c r="M36" s="20"/>
      <c r="N36" s="21"/>
    </row>
    <row r="37" spans="2:14" ht="14.25" customHeight="1" x14ac:dyDescent="0.15">
      <c r="B37" s="15"/>
      <c r="C37" s="7" t="s">
        <v>4</v>
      </c>
      <c r="D37" s="7" t="s">
        <v>5</v>
      </c>
      <c r="E37" s="22" t="s">
        <v>6</v>
      </c>
      <c r="F37" s="22" t="s">
        <v>7</v>
      </c>
      <c r="G37" s="23" t="s">
        <v>127</v>
      </c>
      <c r="H37" s="24" t="s">
        <v>9</v>
      </c>
      <c r="I37" s="128" t="s">
        <v>10</v>
      </c>
      <c r="J37" s="29"/>
      <c r="K37" s="29"/>
      <c r="L37" s="25" t="s">
        <v>11</v>
      </c>
      <c r="M37" s="24" t="s">
        <v>12</v>
      </c>
      <c r="N37" s="26" t="s">
        <v>129</v>
      </c>
    </row>
    <row r="38" spans="2:14" ht="14.25" customHeight="1" x14ac:dyDescent="0.15">
      <c r="B38" s="15"/>
      <c r="C38" s="27"/>
      <c r="D38" s="28"/>
      <c r="E38" s="30"/>
      <c r="F38" s="30" t="s">
        <v>14</v>
      </c>
      <c r="G38" s="31" t="s">
        <v>15</v>
      </c>
      <c r="H38" s="31" t="s">
        <v>16</v>
      </c>
      <c r="I38" s="128" t="s">
        <v>145</v>
      </c>
      <c r="J38" s="129"/>
      <c r="K38" s="130"/>
      <c r="L38" s="24" t="s">
        <v>132</v>
      </c>
      <c r="M38" s="32" t="s">
        <v>19</v>
      </c>
      <c r="N38" s="26"/>
    </row>
    <row r="39" spans="2:14" ht="7.5" customHeight="1" x14ac:dyDescent="0.15">
      <c r="B39" s="15"/>
      <c r="C39" s="35"/>
      <c r="D39" s="36"/>
      <c r="E39" s="37"/>
      <c r="F39" s="37"/>
      <c r="G39" s="38"/>
      <c r="H39" s="39"/>
      <c r="I39" s="40"/>
      <c r="J39" s="192"/>
      <c r="K39" s="193"/>
      <c r="L39" s="40"/>
      <c r="M39" s="39"/>
      <c r="N39" s="41"/>
    </row>
    <row r="40" spans="2:14" ht="7.5" customHeight="1" x14ac:dyDescent="0.15">
      <c r="B40" s="10"/>
      <c r="C40" s="27"/>
      <c r="D40" s="27"/>
      <c r="E40" s="42"/>
      <c r="F40" s="71"/>
      <c r="I40" s="27"/>
      <c r="J40" s="27"/>
      <c r="K40" s="27"/>
      <c r="N40" s="72"/>
    </row>
    <row r="41" spans="2:14" ht="14.25" customHeight="1" x14ac:dyDescent="0.15">
      <c r="B41" s="15"/>
      <c r="C41" s="7" t="s">
        <v>200</v>
      </c>
      <c r="D41" s="92" t="s">
        <v>203</v>
      </c>
      <c r="E41" s="43">
        <v>39</v>
      </c>
      <c r="F41" s="8">
        <v>46</v>
      </c>
      <c r="G41" s="169">
        <v>46</v>
      </c>
      <c r="H41" s="169">
        <v>0</v>
      </c>
      <c r="I41" s="169"/>
      <c r="J41" s="169"/>
      <c r="K41" s="169">
        <v>39</v>
      </c>
      <c r="L41" s="169">
        <v>0</v>
      </c>
      <c r="M41" s="79">
        <v>1.18</v>
      </c>
      <c r="N41" s="171">
        <v>0</v>
      </c>
    </row>
    <row r="42" spans="2:14" ht="7.5" customHeight="1" x14ac:dyDescent="0.15">
      <c r="B42" s="34"/>
      <c r="C42" s="185"/>
      <c r="D42" s="185"/>
      <c r="E42" s="65"/>
      <c r="F42" s="66"/>
      <c r="G42" s="66"/>
      <c r="H42" s="66"/>
      <c r="I42" s="186"/>
      <c r="J42" s="187"/>
      <c r="K42" s="188"/>
      <c r="L42" s="66"/>
      <c r="M42" s="66"/>
      <c r="N42" s="68"/>
    </row>
    <row r="43" spans="2:14" x14ac:dyDescent="0.15">
      <c r="B43" s="69"/>
      <c r="D43" s="145"/>
      <c r="E43" s="145"/>
      <c r="F43" s="145"/>
      <c r="G43" s="145"/>
      <c r="H43" s="145"/>
      <c r="I43" s="145"/>
      <c r="J43" s="145"/>
      <c r="K43" s="145"/>
      <c r="L43" s="145"/>
      <c r="M43" s="145"/>
      <c r="N43" s="145"/>
    </row>
    <row r="44" spans="2:14" x14ac:dyDescent="0.15">
      <c r="C44" s="145"/>
      <c r="D44" s="145"/>
      <c r="E44" s="145"/>
      <c r="F44" s="145"/>
      <c r="G44" s="145"/>
      <c r="H44" s="145"/>
      <c r="I44" s="145"/>
      <c r="J44" s="145"/>
      <c r="K44" s="145"/>
      <c r="L44" s="145"/>
      <c r="M44" s="145"/>
      <c r="N44" s="145"/>
    </row>
    <row r="45" spans="2:14" x14ac:dyDescent="0.15">
      <c r="B45" s="7" t="s">
        <v>204</v>
      </c>
      <c r="E45" s="8"/>
      <c r="F45" s="8"/>
      <c r="G45" s="8"/>
      <c r="H45" s="8"/>
      <c r="L45" s="8"/>
      <c r="M45" s="8"/>
      <c r="N45" s="9"/>
    </row>
    <row r="46" spans="2:14" ht="7.5" customHeight="1" x14ac:dyDescent="0.15">
      <c r="B46" s="10"/>
      <c r="C46" s="11"/>
      <c r="D46" s="11"/>
      <c r="E46" s="12"/>
      <c r="F46" s="12"/>
      <c r="G46" s="11"/>
      <c r="H46" s="11"/>
      <c r="I46" s="13"/>
      <c r="J46" s="13"/>
      <c r="K46" s="13"/>
      <c r="L46" s="11"/>
      <c r="M46" s="11"/>
      <c r="N46" s="14"/>
    </row>
    <row r="47" spans="2:14" ht="15.75" customHeight="1" x14ac:dyDescent="0.15">
      <c r="B47" s="15"/>
      <c r="E47" s="16"/>
      <c r="F47" s="17"/>
      <c r="G47" s="18" t="s">
        <v>2</v>
      </c>
      <c r="H47" s="18"/>
      <c r="I47" s="113" t="s">
        <v>183</v>
      </c>
      <c r="J47" s="114"/>
      <c r="K47" s="114"/>
      <c r="L47" s="19" t="s">
        <v>123</v>
      </c>
      <c r="M47" s="20"/>
      <c r="N47" s="21"/>
    </row>
    <row r="48" spans="2:14" ht="14.25" customHeight="1" x14ac:dyDescent="0.15">
      <c r="B48" s="15"/>
      <c r="C48" s="7" t="s">
        <v>4</v>
      </c>
      <c r="D48" s="7" t="s">
        <v>40</v>
      </c>
      <c r="E48" s="22" t="s">
        <v>6</v>
      </c>
      <c r="F48" s="22" t="s">
        <v>7</v>
      </c>
      <c r="G48" s="23" t="s">
        <v>127</v>
      </c>
      <c r="H48" s="24" t="s">
        <v>9</v>
      </c>
      <c r="I48" s="115" t="s">
        <v>128</v>
      </c>
      <c r="J48" s="115" t="s">
        <v>128</v>
      </c>
      <c r="K48" s="116" t="s">
        <v>7</v>
      </c>
      <c r="L48" s="25" t="s">
        <v>11</v>
      </c>
      <c r="M48" s="24" t="s">
        <v>12</v>
      </c>
      <c r="N48" s="26" t="s">
        <v>129</v>
      </c>
    </row>
    <row r="49" spans="2:14" ht="14.25" customHeight="1" x14ac:dyDescent="0.15">
      <c r="B49" s="15"/>
      <c r="C49" s="27"/>
      <c r="D49" s="27"/>
      <c r="E49" s="30"/>
      <c r="F49" s="30" t="s">
        <v>14</v>
      </c>
      <c r="G49" s="31" t="s">
        <v>15</v>
      </c>
      <c r="H49" s="31" t="s">
        <v>16</v>
      </c>
      <c r="I49" s="117" t="s">
        <v>130</v>
      </c>
      <c r="J49" s="117" t="s">
        <v>131</v>
      </c>
      <c r="K49" s="25" t="s">
        <v>145</v>
      </c>
      <c r="L49" s="24" t="s">
        <v>132</v>
      </c>
      <c r="M49" s="32" t="s">
        <v>19</v>
      </c>
      <c r="N49" s="26"/>
    </row>
    <row r="50" spans="2:14" ht="7.5" customHeight="1" x14ac:dyDescent="0.15">
      <c r="B50" s="34"/>
      <c r="C50" s="35"/>
      <c r="D50" s="35"/>
      <c r="E50" s="37"/>
      <c r="F50" s="37"/>
      <c r="G50" s="38"/>
      <c r="H50" s="39"/>
      <c r="I50" s="168"/>
      <c r="J50" s="168"/>
      <c r="K50" s="168"/>
      <c r="L50" s="40"/>
      <c r="M50" s="39"/>
      <c r="N50" s="41"/>
    </row>
    <row r="51" spans="2:14" ht="7.5" customHeight="1" x14ac:dyDescent="0.15">
      <c r="B51" s="10"/>
      <c r="C51" s="27"/>
      <c r="D51" s="27"/>
      <c r="E51" s="42"/>
      <c r="F51" s="71"/>
      <c r="I51" s="27"/>
      <c r="J51" s="27"/>
      <c r="K51" s="27"/>
      <c r="N51" s="72"/>
    </row>
    <row r="52" spans="2:14" ht="15" customHeight="1" x14ac:dyDescent="0.15">
      <c r="B52" s="15"/>
      <c r="C52" s="7" t="s">
        <v>205</v>
      </c>
      <c r="D52" s="7" t="s">
        <v>206</v>
      </c>
      <c r="E52" s="43">
        <v>259</v>
      </c>
      <c r="F52" s="8">
        <v>296</v>
      </c>
      <c r="G52" s="169">
        <v>296</v>
      </c>
      <c r="H52" s="169">
        <v>0</v>
      </c>
      <c r="I52" s="170" t="s">
        <v>134</v>
      </c>
      <c r="J52" s="170" t="s">
        <v>134</v>
      </c>
      <c r="K52" s="169">
        <v>259</v>
      </c>
      <c r="L52" s="169">
        <v>4</v>
      </c>
      <c r="M52" s="79">
        <v>1.1299999999999999</v>
      </c>
      <c r="N52" s="171">
        <v>0</v>
      </c>
    </row>
    <row r="53" spans="2:14" ht="14.25" customHeight="1" x14ac:dyDescent="0.15">
      <c r="B53" s="15"/>
      <c r="C53" s="7" t="s">
        <v>207</v>
      </c>
      <c r="D53" s="7" t="s">
        <v>206</v>
      </c>
      <c r="E53" s="43">
        <v>278</v>
      </c>
      <c r="F53" s="8">
        <v>311</v>
      </c>
      <c r="G53" s="169">
        <v>309</v>
      </c>
      <c r="H53" s="169">
        <v>2</v>
      </c>
      <c r="I53" s="170" t="s">
        <v>134</v>
      </c>
      <c r="J53" s="170" t="s">
        <v>134</v>
      </c>
      <c r="K53" s="169">
        <v>278</v>
      </c>
      <c r="L53" s="169">
        <v>1</v>
      </c>
      <c r="M53" s="79">
        <v>1.1200000000000001</v>
      </c>
      <c r="N53" s="171">
        <v>0</v>
      </c>
    </row>
    <row r="54" spans="2:14" ht="14.25" customHeight="1" x14ac:dyDescent="0.15">
      <c r="B54" s="15"/>
      <c r="C54" s="7" t="s">
        <v>208</v>
      </c>
      <c r="D54" s="7" t="s">
        <v>206</v>
      </c>
      <c r="E54" s="43">
        <v>268</v>
      </c>
      <c r="F54" s="8">
        <v>318</v>
      </c>
      <c r="G54" s="169">
        <v>315</v>
      </c>
      <c r="H54" s="169">
        <v>3</v>
      </c>
      <c r="I54" s="170" t="s">
        <v>134</v>
      </c>
      <c r="J54" s="170" t="s">
        <v>134</v>
      </c>
      <c r="K54" s="169">
        <v>269</v>
      </c>
      <c r="L54" s="169">
        <v>0</v>
      </c>
      <c r="M54" s="79">
        <v>1.18</v>
      </c>
      <c r="N54" s="171">
        <v>0</v>
      </c>
    </row>
    <row r="55" spans="2:14" ht="14.25" customHeight="1" x14ac:dyDescent="0.15">
      <c r="B55" s="15"/>
      <c r="C55" s="7" t="s">
        <v>209</v>
      </c>
      <c r="D55" s="7" t="s">
        <v>206</v>
      </c>
      <c r="E55" s="43">
        <v>238</v>
      </c>
      <c r="F55" s="8">
        <v>197</v>
      </c>
      <c r="G55" s="169">
        <v>196</v>
      </c>
      <c r="H55" s="169">
        <v>1</v>
      </c>
      <c r="I55" s="170" t="s">
        <v>134</v>
      </c>
      <c r="J55" s="170" t="s">
        <v>134</v>
      </c>
      <c r="K55" s="169">
        <v>197</v>
      </c>
      <c r="L55" s="169">
        <v>0</v>
      </c>
      <c r="M55" s="79">
        <v>1</v>
      </c>
      <c r="N55" s="171">
        <v>41</v>
      </c>
    </row>
    <row r="56" spans="2:14" ht="14.25" customHeight="1" x14ac:dyDescent="0.15">
      <c r="B56" s="15"/>
      <c r="C56" s="7" t="s">
        <v>210</v>
      </c>
      <c r="D56" s="7" t="s">
        <v>174</v>
      </c>
      <c r="E56" s="43">
        <v>264</v>
      </c>
      <c r="F56" s="8">
        <v>260</v>
      </c>
      <c r="G56" s="169">
        <v>260</v>
      </c>
      <c r="H56" s="169">
        <v>0</v>
      </c>
      <c r="I56" s="170" t="s">
        <v>134</v>
      </c>
      <c r="J56" s="170" t="s">
        <v>134</v>
      </c>
      <c r="K56" s="169">
        <v>260</v>
      </c>
      <c r="L56" s="169">
        <v>0</v>
      </c>
      <c r="M56" s="79">
        <v>1</v>
      </c>
      <c r="N56" s="171">
        <v>4</v>
      </c>
    </row>
    <row r="57" spans="2:14" ht="21.75" customHeight="1" x14ac:dyDescent="0.15">
      <c r="B57" s="15"/>
      <c r="C57" s="7" t="s">
        <v>211</v>
      </c>
      <c r="D57" s="7" t="s">
        <v>42</v>
      </c>
      <c r="E57" s="43">
        <v>232</v>
      </c>
      <c r="F57" s="8">
        <v>248</v>
      </c>
      <c r="G57" s="169">
        <v>247</v>
      </c>
      <c r="H57" s="169">
        <v>1</v>
      </c>
      <c r="I57" s="170">
        <v>215</v>
      </c>
      <c r="J57" s="170">
        <v>17</v>
      </c>
      <c r="K57" s="169">
        <v>232</v>
      </c>
      <c r="L57" s="169">
        <v>4</v>
      </c>
      <c r="M57" s="79">
        <v>1.05</v>
      </c>
      <c r="N57" s="171">
        <v>0</v>
      </c>
    </row>
    <row r="58" spans="2:14" ht="14.25" customHeight="1" x14ac:dyDescent="0.15">
      <c r="B58" s="15"/>
      <c r="C58" s="7" t="s">
        <v>212</v>
      </c>
      <c r="D58" s="7" t="s">
        <v>42</v>
      </c>
      <c r="E58" s="43">
        <v>320</v>
      </c>
      <c r="F58" s="8">
        <v>363</v>
      </c>
      <c r="G58" s="169">
        <v>362</v>
      </c>
      <c r="H58" s="169">
        <v>1</v>
      </c>
      <c r="I58" s="170" t="s">
        <v>134</v>
      </c>
      <c r="J58" s="170" t="s">
        <v>134</v>
      </c>
      <c r="K58" s="169">
        <v>320</v>
      </c>
      <c r="L58" s="169">
        <v>0</v>
      </c>
      <c r="M58" s="79">
        <v>1.1299999999999999</v>
      </c>
      <c r="N58" s="171">
        <v>0</v>
      </c>
    </row>
    <row r="59" spans="2:14" ht="7.5" customHeight="1" x14ac:dyDescent="0.15">
      <c r="B59" s="94"/>
      <c r="C59" s="176"/>
      <c r="D59" s="176"/>
      <c r="E59" s="43"/>
      <c r="F59" s="97"/>
      <c r="G59" s="97"/>
      <c r="H59" s="97"/>
      <c r="I59" s="177"/>
      <c r="J59" s="178"/>
      <c r="K59" s="179"/>
      <c r="L59" s="97"/>
      <c r="M59" s="194"/>
      <c r="N59" s="182"/>
    </row>
    <row r="60" spans="2:14" ht="7.5" customHeight="1" x14ac:dyDescent="0.15">
      <c r="B60" s="15"/>
      <c r="E60" s="59"/>
      <c r="F60" s="8"/>
      <c r="G60" s="8"/>
      <c r="H60" s="8"/>
      <c r="I60" s="169"/>
      <c r="J60" s="183"/>
      <c r="K60" s="142"/>
      <c r="L60" s="8"/>
      <c r="M60" s="9"/>
      <c r="N60" s="184"/>
    </row>
    <row r="61" spans="2:14" s="54" customFormat="1" ht="14.25" customHeight="1" x14ac:dyDescent="0.15">
      <c r="B61" s="126"/>
      <c r="C61" s="419" t="s">
        <v>37</v>
      </c>
      <c r="D61" s="420"/>
      <c r="E61" s="172">
        <v>1859</v>
      </c>
      <c r="F61" s="173">
        <v>1993</v>
      </c>
      <c r="G61" s="173">
        <v>1985</v>
      </c>
      <c r="H61" s="173">
        <v>8</v>
      </c>
      <c r="I61" s="170" t="s">
        <v>143</v>
      </c>
      <c r="J61" s="170" t="s">
        <v>143</v>
      </c>
      <c r="K61" s="173">
        <v>1815</v>
      </c>
      <c r="L61" s="174">
        <v>9</v>
      </c>
      <c r="M61" s="127">
        <v>1.0900000000000001</v>
      </c>
      <c r="N61" s="175">
        <v>45</v>
      </c>
    </row>
    <row r="62" spans="2:14" ht="7.5" customHeight="1" x14ac:dyDescent="0.15">
      <c r="B62" s="34"/>
      <c r="C62" s="185"/>
      <c r="D62" s="185"/>
      <c r="E62" s="65"/>
      <c r="F62" s="66"/>
      <c r="G62" s="66"/>
      <c r="H62" s="66"/>
      <c r="I62" s="186"/>
      <c r="J62" s="187"/>
      <c r="K62" s="188"/>
      <c r="L62" s="66"/>
      <c r="M62" s="66"/>
      <c r="N62" s="68"/>
    </row>
    <row r="63" spans="2:14" ht="14.25" customHeight="1" x14ac:dyDescent="0.15">
      <c r="B63" s="195"/>
      <c r="C63" s="195"/>
      <c r="D63" s="195"/>
      <c r="E63" s="195"/>
      <c r="F63" s="195"/>
      <c r="G63" s="195"/>
      <c r="H63" s="195"/>
      <c r="I63" s="195"/>
      <c r="J63" s="195"/>
      <c r="K63" s="195"/>
      <c r="L63" s="195"/>
      <c r="M63" s="195"/>
      <c r="N63" s="195"/>
    </row>
    <row r="64" spans="2:14" ht="14.25" customHeight="1" x14ac:dyDescent="0.15">
      <c r="B64" s="7" t="s">
        <v>213</v>
      </c>
      <c r="E64" s="8"/>
      <c r="F64" s="8"/>
      <c r="G64" s="8"/>
      <c r="H64" s="8"/>
      <c r="L64" s="8"/>
      <c r="M64" s="8"/>
      <c r="N64" s="9"/>
    </row>
    <row r="65" spans="2:14" ht="7.5" customHeight="1" x14ac:dyDescent="0.15">
      <c r="B65" s="10"/>
      <c r="C65" s="11"/>
      <c r="D65" s="11"/>
      <c r="E65" s="12"/>
      <c r="F65" s="12"/>
      <c r="G65" s="11"/>
      <c r="H65" s="11"/>
      <c r="I65" s="13"/>
      <c r="J65" s="13"/>
      <c r="K65" s="13"/>
      <c r="L65" s="11"/>
      <c r="M65" s="11"/>
      <c r="N65" s="14"/>
    </row>
    <row r="66" spans="2:14" ht="15.75" customHeight="1" x14ac:dyDescent="0.15">
      <c r="B66" s="15"/>
      <c r="E66" s="16"/>
      <c r="F66" s="17"/>
      <c r="G66" s="18" t="s">
        <v>2</v>
      </c>
      <c r="H66" s="18"/>
      <c r="I66" s="189"/>
      <c r="J66" s="190"/>
      <c r="K66" s="191"/>
      <c r="L66" s="19" t="s">
        <v>123</v>
      </c>
      <c r="M66" s="20"/>
      <c r="N66" s="21"/>
    </row>
    <row r="67" spans="2:14" ht="14.25" customHeight="1" x14ac:dyDescent="0.15">
      <c r="B67" s="15"/>
      <c r="C67" s="7" t="s">
        <v>4</v>
      </c>
      <c r="D67" s="7" t="s">
        <v>40</v>
      </c>
      <c r="E67" s="22" t="s">
        <v>6</v>
      </c>
      <c r="F67" s="22" t="s">
        <v>7</v>
      </c>
      <c r="G67" s="23" t="s">
        <v>127</v>
      </c>
      <c r="H67" s="24" t="s">
        <v>9</v>
      </c>
      <c r="I67" s="128" t="s">
        <v>10</v>
      </c>
      <c r="J67" s="29"/>
      <c r="K67" s="29"/>
      <c r="L67" s="25" t="s">
        <v>11</v>
      </c>
      <c r="M67" s="24" t="s">
        <v>12</v>
      </c>
      <c r="N67" s="26" t="s">
        <v>129</v>
      </c>
    </row>
    <row r="68" spans="2:14" ht="14.25" customHeight="1" x14ac:dyDescent="0.15">
      <c r="B68" s="15"/>
      <c r="C68" s="27"/>
      <c r="D68" s="28"/>
      <c r="E68" s="30"/>
      <c r="F68" s="30" t="s">
        <v>14</v>
      </c>
      <c r="G68" s="31" t="s">
        <v>15</v>
      </c>
      <c r="H68" s="31" t="s">
        <v>16</v>
      </c>
      <c r="I68" s="128" t="s">
        <v>145</v>
      </c>
      <c r="J68" s="129"/>
      <c r="K68" s="130"/>
      <c r="L68" s="24" t="s">
        <v>132</v>
      </c>
      <c r="M68" s="32" t="s">
        <v>19</v>
      </c>
      <c r="N68" s="26"/>
    </row>
    <row r="69" spans="2:14" ht="7.5" customHeight="1" x14ac:dyDescent="0.15">
      <c r="B69" s="15"/>
      <c r="C69" s="35"/>
      <c r="D69" s="36"/>
      <c r="E69" s="37"/>
      <c r="F69" s="37"/>
      <c r="G69" s="38"/>
      <c r="H69" s="39"/>
      <c r="I69" s="40"/>
      <c r="J69" s="192"/>
      <c r="K69" s="193"/>
      <c r="L69" s="40"/>
      <c r="M69" s="39"/>
      <c r="N69" s="41"/>
    </row>
    <row r="70" spans="2:14" ht="7.5" customHeight="1" x14ac:dyDescent="0.15">
      <c r="B70" s="10"/>
      <c r="C70" s="27"/>
      <c r="D70" s="27"/>
      <c r="E70" s="42"/>
      <c r="F70" s="71"/>
      <c r="I70" s="27"/>
      <c r="J70" s="27"/>
      <c r="K70" s="27"/>
      <c r="N70" s="72"/>
    </row>
    <row r="71" spans="2:14" ht="14.25" customHeight="1" x14ac:dyDescent="0.15">
      <c r="B71" s="15"/>
      <c r="C71" s="7" t="s">
        <v>214</v>
      </c>
      <c r="D71" s="92" t="s">
        <v>206</v>
      </c>
      <c r="E71" s="43">
        <v>158</v>
      </c>
      <c r="F71" s="8">
        <v>138</v>
      </c>
      <c r="G71" s="169">
        <v>134</v>
      </c>
      <c r="H71" s="169">
        <v>4</v>
      </c>
      <c r="I71" s="169"/>
      <c r="J71" s="169"/>
      <c r="K71" s="169">
        <v>138</v>
      </c>
      <c r="L71" s="169">
        <v>0</v>
      </c>
      <c r="M71" s="79">
        <v>1</v>
      </c>
      <c r="N71" s="171">
        <v>20</v>
      </c>
    </row>
    <row r="72" spans="2:14" ht="7.5" customHeight="1" x14ac:dyDescent="0.15">
      <c r="B72" s="34"/>
      <c r="C72" s="185"/>
      <c r="D72" s="185"/>
      <c r="E72" s="65"/>
      <c r="F72" s="66"/>
      <c r="G72" s="66"/>
      <c r="H72" s="66"/>
      <c r="I72" s="186"/>
      <c r="J72" s="187"/>
      <c r="K72" s="188"/>
      <c r="L72" s="66"/>
      <c r="M72" s="66"/>
      <c r="N72" s="68"/>
    </row>
    <row r="73" spans="2:14" ht="12.75" customHeight="1" x14ac:dyDescent="0.15">
      <c r="B73" s="7" t="s">
        <v>215</v>
      </c>
      <c r="E73" s="8"/>
      <c r="F73" s="8"/>
      <c r="G73" s="8"/>
      <c r="H73" s="8"/>
      <c r="I73" s="169"/>
      <c r="J73" s="183"/>
      <c r="K73" s="142"/>
      <c r="L73" s="8"/>
      <c r="M73" s="8"/>
      <c r="N73" s="9"/>
    </row>
    <row r="74" spans="2:14" ht="14.25" customHeight="1" x14ac:dyDescent="0.15">
      <c r="C74" s="145"/>
      <c r="D74" s="145"/>
      <c r="E74" s="145"/>
      <c r="F74" s="145"/>
      <c r="G74" s="145"/>
      <c r="H74" s="145"/>
      <c r="I74" s="145"/>
      <c r="J74" s="145"/>
      <c r="K74" s="145"/>
      <c r="L74" s="145"/>
      <c r="M74" s="145"/>
      <c r="N74" s="145"/>
    </row>
    <row r="75" spans="2:14" ht="14.25" customHeight="1" x14ac:dyDescent="0.15">
      <c r="B75" s="7" t="s">
        <v>216</v>
      </c>
      <c r="E75" s="8"/>
      <c r="F75" s="8"/>
      <c r="G75" s="8"/>
      <c r="H75" s="8"/>
      <c r="L75" s="8"/>
      <c r="M75" s="8"/>
      <c r="N75" s="9"/>
    </row>
    <row r="76" spans="2:14" ht="7.5" customHeight="1" x14ac:dyDescent="0.15">
      <c r="B76" s="10"/>
      <c r="C76" s="11"/>
      <c r="D76" s="11"/>
      <c r="E76" s="12"/>
      <c r="F76" s="12"/>
      <c r="G76" s="11"/>
      <c r="H76" s="11"/>
      <c r="I76" s="13"/>
      <c r="J76" s="13"/>
      <c r="K76" s="13"/>
      <c r="L76" s="11"/>
      <c r="M76" s="11"/>
      <c r="N76" s="14"/>
    </row>
    <row r="77" spans="2:14" ht="15.75" customHeight="1" x14ac:dyDescent="0.15">
      <c r="B77" s="15"/>
      <c r="E77" s="16"/>
      <c r="F77" s="17"/>
      <c r="G77" s="18" t="s">
        <v>2</v>
      </c>
      <c r="H77" s="18"/>
      <c r="I77" s="189"/>
      <c r="J77" s="190"/>
      <c r="K77" s="191"/>
      <c r="L77" s="19" t="s">
        <v>123</v>
      </c>
      <c r="M77" s="20"/>
      <c r="N77" s="21"/>
    </row>
    <row r="78" spans="2:14" ht="14.25" customHeight="1" x14ac:dyDescent="0.15">
      <c r="B78" s="15"/>
      <c r="C78" s="7" t="s">
        <v>4</v>
      </c>
      <c r="D78" s="7" t="s">
        <v>40</v>
      </c>
      <c r="E78" s="22" t="s">
        <v>6</v>
      </c>
      <c r="F78" s="22" t="s">
        <v>7</v>
      </c>
      <c r="G78" s="23" t="s">
        <v>127</v>
      </c>
      <c r="H78" s="24" t="s">
        <v>9</v>
      </c>
      <c r="I78" s="128" t="s">
        <v>10</v>
      </c>
      <c r="J78" s="29"/>
      <c r="K78" s="29"/>
      <c r="L78" s="25" t="s">
        <v>11</v>
      </c>
      <c r="M78" s="24" t="s">
        <v>12</v>
      </c>
      <c r="N78" s="26" t="s">
        <v>129</v>
      </c>
    </row>
    <row r="79" spans="2:14" ht="14.25" customHeight="1" x14ac:dyDescent="0.15">
      <c r="B79" s="15"/>
      <c r="C79" s="27"/>
      <c r="D79" s="28"/>
      <c r="E79" s="30"/>
      <c r="F79" s="30" t="s">
        <v>14</v>
      </c>
      <c r="G79" s="31" t="s">
        <v>15</v>
      </c>
      <c r="H79" s="31" t="s">
        <v>16</v>
      </c>
      <c r="I79" s="128" t="s">
        <v>145</v>
      </c>
      <c r="J79" s="129"/>
      <c r="K79" s="130"/>
      <c r="L79" s="24" t="s">
        <v>132</v>
      </c>
      <c r="M79" s="32" t="s">
        <v>19</v>
      </c>
      <c r="N79" s="26"/>
    </row>
    <row r="80" spans="2:14" ht="7.5" customHeight="1" x14ac:dyDescent="0.15">
      <c r="B80" s="15"/>
      <c r="C80" s="35"/>
      <c r="D80" s="36"/>
      <c r="E80" s="37"/>
      <c r="F80" s="37"/>
      <c r="G80" s="38"/>
      <c r="H80" s="39"/>
      <c r="I80" s="40"/>
      <c r="J80" s="192"/>
      <c r="K80" s="193"/>
      <c r="L80" s="40"/>
      <c r="M80" s="39"/>
      <c r="N80" s="41"/>
    </row>
    <row r="81" spans="2:15" ht="7.5" customHeight="1" x14ac:dyDescent="0.15">
      <c r="B81" s="10"/>
      <c r="C81" s="27"/>
      <c r="D81" s="27"/>
      <c r="E81" s="42"/>
      <c r="F81" s="71"/>
      <c r="I81" s="27"/>
      <c r="J81" s="27"/>
      <c r="K81" s="27"/>
      <c r="N81" s="72"/>
    </row>
    <row r="82" spans="2:15" ht="14.25" customHeight="1" x14ac:dyDescent="0.15">
      <c r="B82" s="15"/>
      <c r="C82" s="7" t="s">
        <v>217</v>
      </c>
      <c r="D82" s="7" t="s">
        <v>218</v>
      </c>
      <c r="E82" s="43">
        <v>38</v>
      </c>
      <c r="F82" s="8">
        <v>26</v>
      </c>
      <c r="G82" s="169">
        <v>26</v>
      </c>
      <c r="H82" s="169">
        <v>0</v>
      </c>
      <c r="I82" s="169"/>
      <c r="J82" s="169"/>
      <c r="K82" s="169">
        <v>26</v>
      </c>
      <c r="L82" s="169">
        <v>0</v>
      </c>
      <c r="M82" s="79">
        <v>1</v>
      </c>
      <c r="N82" s="171">
        <v>12</v>
      </c>
    </row>
    <row r="83" spans="2:15" s="76" customFormat="1" ht="21.75" customHeight="1" x14ac:dyDescent="0.15">
      <c r="B83" s="196"/>
      <c r="C83" s="7" t="s">
        <v>219</v>
      </c>
      <c r="D83" s="7" t="s">
        <v>218</v>
      </c>
      <c r="E83" s="43">
        <v>38</v>
      </c>
      <c r="F83" s="8">
        <v>26</v>
      </c>
      <c r="G83" s="169">
        <v>26</v>
      </c>
      <c r="H83" s="169">
        <v>0</v>
      </c>
      <c r="I83" s="169"/>
      <c r="J83" s="169"/>
      <c r="K83" s="169">
        <v>26</v>
      </c>
      <c r="L83" s="169">
        <v>0</v>
      </c>
      <c r="M83" s="79">
        <v>1</v>
      </c>
      <c r="N83" s="171">
        <v>12</v>
      </c>
      <c r="O83" s="7"/>
    </row>
    <row r="84" spans="2:15" s="76" customFormat="1" ht="14.25" customHeight="1" x14ac:dyDescent="0.15">
      <c r="B84" s="196"/>
      <c r="C84" s="7" t="s">
        <v>47</v>
      </c>
      <c r="D84" s="7" t="s">
        <v>220</v>
      </c>
      <c r="E84" s="43">
        <v>38</v>
      </c>
      <c r="F84" s="8">
        <v>34</v>
      </c>
      <c r="G84" s="169">
        <v>34</v>
      </c>
      <c r="H84" s="169">
        <v>0</v>
      </c>
      <c r="I84" s="169"/>
      <c r="J84" s="169"/>
      <c r="K84" s="169">
        <v>34</v>
      </c>
      <c r="L84" s="169">
        <v>0</v>
      </c>
      <c r="M84" s="79">
        <v>1</v>
      </c>
      <c r="N84" s="171">
        <v>4</v>
      </c>
      <c r="O84" s="7"/>
    </row>
    <row r="85" spans="2:15" s="76" customFormat="1" ht="14.25" customHeight="1" x14ac:dyDescent="0.15">
      <c r="B85" s="196"/>
      <c r="C85" s="7" t="s">
        <v>47</v>
      </c>
      <c r="D85" s="7" t="s">
        <v>221</v>
      </c>
      <c r="E85" s="43">
        <v>38</v>
      </c>
      <c r="F85" s="8">
        <v>17</v>
      </c>
      <c r="G85" s="169">
        <v>17</v>
      </c>
      <c r="H85" s="169">
        <v>0</v>
      </c>
      <c r="I85" s="169"/>
      <c r="J85" s="169"/>
      <c r="K85" s="169">
        <v>18</v>
      </c>
      <c r="L85" s="169">
        <v>0</v>
      </c>
      <c r="M85" s="79">
        <v>0.94</v>
      </c>
      <c r="N85" s="171">
        <v>20</v>
      </c>
      <c r="O85" s="7"/>
    </row>
    <row r="86" spans="2:15" x14ac:dyDescent="0.15">
      <c r="B86" s="15"/>
      <c r="D86" s="197" t="s">
        <v>26</v>
      </c>
      <c r="E86" s="172">
        <v>114</v>
      </c>
      <c r="F86" s="198">
        <v>77</v>
      </c>
      <c r="G86" s="198">
        <v>77</v>
      </c>
      <c r="H86" s="198">
        <v>0</v>
      </c>
      <c r="I86" s="199"/>
      <c r="J86" s="200"/>
      <c r="K86" s="143">
        <v>78</v>
      </c>
      <c r="L86" s="143">
        <v>0</v>
      </c>
      <c r="M86" s="201">
        <v>0.99</v>
      </c>
      <c r="N86" s="144">
        <v>36</v>
      </c>
    </row>
    <row r="87" spans="2:15" ht="7.5" customHeight="1" x14ac:dyDescent="0.15">
      <c r="B87" s="15"/>
      <c r="E87" s="202"/>
      <c r="F87" s="8"/>
      <c r="G87" s="8"/>
      <c r="H87" s="8"/>
      <c r="I87" s="169"/>
      <c r="J87" s="183"/>
      <c r="K87" s="142"/>
      <c r="L87" s="8"/>
      <c r="M87" s="8"/>
      <c r="N87" s="140"/>
    </row>
    <row r="88" spans="2:15" s="76" customFormat="1" ht="7.5" customHeight="1" x14ac:dyDescent="0.15">
      <c r="B88" s="203"/>
      <c r="C88" s="204"/>
      <c r="D88" s="205"/>
      <c r="E88" s="59"/>
      <c r="F88" s="206"/>
      <c r="G88" s="207"/>
      <c r="H88" s="207"/>
      <c r="I88" s="207"/>
      <c r="J88" s="207"/>
      <c r="K88" s="207"/>
      <c r="L88" s="207"/>
      <c r="M88" s="207"/>
      <c r="N88" s="208"/>
    </row>
    <row r="89" spans="2:15" s="76" customFormat="1" x14ac:dyDescent="0.15">
      <c r="B89" s="209"/>
      <c r="C89" s="423" t="s">
        <v>222</v>
      </c>
      <c r="D89" s="424"/>
      <c r="E89" s="172">
        <v>152</v>
      </c>
      <c r="F89" s="198">
        <v>103</v>
      </c>
      <c r="G89" s="198">
        <v>103</v>
      </c>
      <c r="H89" s="198">
        <v>0</v>
      </c>
      <c r="I89" s="199"/>
      <c r="J89" s="200"/>
      <c r="K89" s="143">
        <v>104</v>
      </c>
      <c r="L89" s="143">
        <v>0</v>
      </c>
      <c r="M89" s="201">
        <v>0.99</v>
      </c>
      <c r="N89" s="144">
        <v>48</v>
      </c>
    </row>
    <row r="90" spans="2:15" s="76" customFormat="1" ht="7.5" customHeight="1" x14ac:dyDescent="0.15">
      <c r="B90" s="210"/>
      <c r="C90" s="211"/>
      <c r="D90" s="212"/>
      <c r="E90" s="213"/>
      <c r="F90" s="214"/>
      <c r="G90" s="107"/>
      <c r="H90" s="107"/>
      <c r="I90" s="215"/>
      <c r="J90" s="212"/>
      <c r="K90" s="215"/>
      <c r="L90" s="107"/>
      <c r="M90" s="216"/>
      <c r="N90" s="217"/>
    </row>
    <row r="91" spans="2:15" x14ac:dyDescent="0.15">
      <c r="E91" s="8"/>
      <c r="F91" s="8"/>
      <c r="G91" s="8"/>
      <c r="H91" s="8"/>
      <c r="L91" s="8"/>
      <c r="M91" s="8"/>
      <c r="N91" s="9"/>
    </row>
    <row r="92" spans="2:15" x14ac:dyDescent="0.15">
      <c r="C92" s="145"/>
      <c r="D92" s="145"/>
      <c r="E92" s="145"/>
      <c r="F92" s="145"/>
      <c r="G92" s="145"/>
      <c r="H92" s="145"/>
      <c r="I92" s="145"/>
      <c r="J92" s="145"/>
      <c r="K92" s="145"/>
      <c r="L92" s="145"/>
      <c r="M92" s="145"/>
      <c r="N92" s="145"/>
    </row>
    <row r="93" spans="2:15" ht="14.25" customHeight="1" x14ac:dyDescent="0.15">
      <c r="B93" s="7" t="s">
        <v>223</v>
      </c>
      <c r="E93" s="8"/>
      <c r="F93" s="8"/>
      <c r="G93" s="8"/>
      <c r="H93" s="8"/>
      <c r="L93" s="8"/>
      <c r="M93" s="8"/>
      <c r="N93" s="9"/>
    </row>
    <row r="94" spans="2:15" ht="7.5" customHeight="1" x14ac:dyDescent="0.15">
      <c r="B94" s="10"/>
      <c r="C94" s="11"/>
      <c r="D94" s="11"/>
      <c r="E94" s="12"/>
      <c r="F94" s="12"/>
      <c r="G94" s="11"/>
      <c r="H94" s="11"/>
      <c r="I94" s="13"/>
      <c r="J94" s="13"/>
      <c r="K94" s="13"/>
      <c r="L94" s="11"/>
      <c r="M94" s="11"/>
      <c r="N94" s="14"/>
    </row>
    <row r="95" spans="2:15" ht="15.75" customHeight="1" x14ac:dyDescent="0.15">
      <c r="B95" s="15"/>
      <c r="E95" s="16"/>
      <c r="F95" s="17"/>
      <c r="G95" s="18" t="s">
        <v>2</v>
      </c>
      <c r="H95" s="18"/>
      <c r="I95" s="189"/>
      <c r="J95" s="190"/>
      <c r="K95" s="191"/>
      <c r="L95" s="19" t="s">
        <v>123</v>
      </c>
      <c r="M95" s="20"/>
      <c r="N95" s="21"/>
    </row>
    <row r="96" spans="2:15" ht="14.25" customHeight="1" x14ac:dyDescent="0.15">
      <c r="B96" s="15"/>
      <c r="C96" s="7" t="s">
        <v>4</v>
      </c>
      <c r="D96" s="7" t="s">
        <v>40</v>
      </c>
      <c r="E96" s="22" t="s">
        <v>6</v>
      </c>
      <c r="F96" s="22" t="s">
        <v>7</v>
      </c>
      <c r="G96" s="23" t="s">
        <v>127</v>
      </c>
      <c r="H96" s="24" t="s">
        <v>9</v>
      </c>
      <c r="I96" s="128" t="s">
        <v>10</v>
      </c>
      <c r="J96" s="29"/>
      <c r="K96" s="29"/>
      <c r="L96" s="25" t="s">
        <v>11</v>
      </c>
      <c r="M96" s="24" t="s">
        <v>12</v>
      </c>
      <c r="N96" s="26" t="s">
        <v>129</v>
      </c>
    </row>
    <row r="97" spans="2:14" ht="14.25" customHeight="1" x14ac:dyDescent="0.15">
      <c r="B97" s="15"/>
      <c r="C97" s="27"/>
      <c r="D97" s="28"/>
      <c r="E97" s="30"/>
      <c r="F97" s="30" t="s">
        <v>14</v>
      </c>
      <c r="G97" s="31" t="s">
        <v>15</v>
      </c>
      <c r="H97" s="31" t="s">
        <v>16</v>
      </c>
      <c r="I97" s="128" t="s">
        <v>145</v>
      </c>
      <c r="J97" s="129"/>
      <c r="K97" s="130"/>
      <c r="L97" s="24" t="s">
        <v>132</v>
      </c>
      <c r="M97" s="32" t="s">
        <v>19</v>
      </c>
      <c r="N97" s="26"/>
    </row>
    <row r="98" spans="2:14" ht="7.5" customHeight="1" x14ac:dyDescent="0.15">
      <c r="B98" s="15"/>
      <c r="C98" s="35"/>
      <c r="D98" s="36"/>
      <c r="E98" s="37"/>
      <c r="F98" s="37"/>
      <c r="G98" s="38"/>
      <c r="H98" s="39"/>
      <c r="I98" s="40"/>
      <c r="J98" s="192"/>
      <c r="K98" s="193"/>
      <c r="L98" s="40"/>
      <c r="M98" s="39"/>
      <c r="N98" s="41"/>
    </row>
    <row r="99" spans="2:14" ht="7.5" customHeight="1" x14ac:dyDescent="0.15">
      <c r="B99" s="10"/>
      <c r="C99" s="27"/>
      <c r="D99" s="27"/>
      <c r="E99" s="42"/>
      <c r="F99" s="71"/>
      <c r="I99" s="27"/>
      <c r="J99" s="27"/>
      <c r="K99" s="27"/>
      <c r="N99" s="72"/>
    </row>
    <row r="100" spans="2:14" ht="14.25" customHeight="1" x14ac:dyDescent="0.15">
      <c r="B100" s="15"/>
      <c r="C100" s="7" t="s">
        <v>219</v>
      </c>
      <c r="D100" s="7" t="s">
        <v>224</v>
      </c>
      <c r="E100" s="43">
        <v>38</v>
      </c>
      <c r="F100" s="8">
        <v>34</v>
      </c>
      <c r="G100" s="169">
        <v>34</v>
      </c>
      <c r="H100" s="169">
        <v>0</v>
      </c>
      <c r="I100" s="169"/>
      <c r="J100" s="169"/>
      <c r="K100" s="169">
        <v>34</v>
      </c>
      <c r="L100" s="169">
        <v>0</v>
      </c>
      <c r="M100" s="79">
        <v>1</v>
      </c>
      <c r="N100" s="171">
        <v>4</v>
      </c>
    </row>
    <row r="101" spans="2:14" ht="7.5" customHeight="1" x14ac:dyDescent="0.15">
      <c r="B101" s="34"/>
      <c r="C101" s="185"/>
      <c r="D101" s="185"/>
      <c r="E101" s="65"/>
      <c r="F101" s="66"/>
      <c r="G101" s="66"/>
      <c r="H101" s="66"/>
      <c r="I101" s="186"/>
      <c r="J101" s="187"/>
      <c r="K101" s="188"/>
      <c r="L101" s="66"/>
      <c r="M101" s="66"/>
      <c r="N101" s="68"/>
    </row>
    <row r="102" spans="2:14" x14ac:dyDescent="0.15">
      <c r="E102" s="8"/>
      <c r="F102" s="8"/>
      <c r="G102" s="8"/>
      <c r="H102" s="8"/>
      <c r="L102" s="8"/>
      <c r="M102" s="8"/>
      <c r="N102" s="9"/>
    </row>
    <row r="103" spans="2:14" x14ac:dyDescent="0.15">
      <c r="C103" s="145"/>
      <c r="D103" s="145"/>
      <c r="E103" s="145"/>
      <c r="F103" s="145"/>
      <c r="G103" s="145"/>
      <c r="H103" s="145"/>
      <c r="I103" s="145"/>
      <c r="J103" s="145"/>
      <c r="K103" s="145"/>
      <c r="L103" s="145"/>
      <c r="M103" s="145"/>
      <c r="N103" s="145"/>
    </row>
    <row r="104" spans="2:14" ht="14.25" customHeight="1" x14ac:dyDescent="0.15">
      <c r="B104" s="7" t="s">
        <v>225</v>
      </c>
      <c r="E104" s="8"/>
      <c r="F104" s="8"/>
      <c r="G104" s="8"/>
      <c r="H104" s="8"/>
      <c r="L104" s="8"/>
      <c r="M104" s="8"/>
      <c r="N104" s="9"/>
    </row>
    <row r="105" spans="2:14" ht="7.5" customHeight="1" x14ac:dyDescent="0.15">
      <c r="B105" s="10"/>
      <c r="C105" s="11"/>
      <c r="D105" s="11"/>
      <c r="E105" s="12"/>
      <c r="F105" s="12"/>
      <c r="G105" s="11"/>
      <c r="H105" s="11"/>
      <c r="I105" s="13"/>
      <c r="J105" s="13"/>
      <c r="K105" s="13"/>
      <c r="L105" s="11"/>
      <c r="M105" s="11"/>
      <c r="N105" s="14"/>
    </row>
    <row r="106" spans="2:14" ht="15.75" customHeight="1" x14ac:dyDescent="0.15">
      <c r="B106" s="15"/>
      <c r="E106" s="16"/>
      <c r="F106" s="17"/>
      <c r="G106" s="18" t="s">
        <v>2</v>
      </c>
      <c r="H106" s="18"/>
      <c r="I106" s="189"/>
      <c r="J106" s="190"/>
      <c r="K106" s="191"/>
      <c r="L106" s="19" t="s">
        <v>123</v>
      </c>
      <c r="M106" s="20"/>
      <c r="N106" s="21"/>
    </row>
    <row r="107" spans="2:14" ht="14.25" customHeight="1" x14ac:dyDescent="0.15">
      <c r="B107" s="15"/>
      <c r="C107" s="7" t="s">
        <v>4</v>
      </c>
      <c r="D107" s="7" t="s">
        <v>40</v>
      </c>
      <c r="E107" s="22" t="s">
        <v>6</v>
      </c>
      <c r="F107" s="22" t="s">
        <v>7</v>
      </c>
      <c r="G107" s="23" t="s">
        <v>127</v>
      </c>
      <c r="H107" s="24" t="s">
        <v>9</v>
      </c>
      <c r="I107" s="128" t="s">
        <v>10</v>
      </c>
      <c r="J107" s="29"/>
      <c r="K107" s="29"/>
      <c r="L107" s="25" t="s">
        <v>11</v>
      </c>
      <c r="M107" s="24" t="s">
        <v>12</v>
      </c>
      <c r="N107" s="26" t="s">
        <v>129</v>
      </c>
    </row>
    <row r="108" spans="2:14" ht="14.25" customHeight="1" x14ac:dyDescent="0.15">
      <c r="B108" s="15"/>
      <c r="C108" s="27"/>
      <c r="D108" s="28"/>
      <c r="E108" s="30"/>
      <c r="F108" s="30" t="s">
        <v>14</v>
      </c>
      <c r="G108" s="31" t="s">
        <v>15</v>
      </c>
      <c r="H108" s="31" t="s">
        <v>16</v>
      </c>
      <c r="I108" s="128" t="s">
        <v>145</v>
      </c>
      <c r="J108" s="129"/>
      <c r="K108" s="130"/>
      <c r="L108" s="24" t="s">
        <v>132</v>
      </c>
      <c r="M108" s="32" t="s">
        <v>19</v>
      </c>
      <c r="N108" s="26"/>
    </row>
    <row r="109" spans="2:14" ht="7.5" customHeight="1" x14ac:dyDescent="0.15">
      <c r="B109" s="15"/>
      <c r="C109" s="35"/>
      <c r="D109" s="36"/>
      <c r="E109" s="37"/>
      <c r="F109" s="37"/>
      <c r="G109" s="38"/>
      <c r="H109" s="39"/>
      <c r="I109" s="40"/>
      <c r="J109" s="192"/>
      <c r="K109" s="193"/>
      <c r="L109" s="40"/>
      <c r="M109" s="39"/>
      <c r="N109" s="41"/>
    </row>
    <row r="110" spans="2:14" ht="7.5" customHeight="1" x14ac:dyDescent="0.15">
      <c r="B110" s="10"/>
      <c r="C110" s="27"/>
      <c r="D110" s="27"/>
      <c r="E110" s="42"/>
      <c r="F110" s="71"/>
      <c r="I110" s="27"/>
      <c r="J110" s="27"/>
      <c r="K110" s="27"/>
      <c r="N110" s="72"/>
    </row>
    <row r="111" spans="2:14" ht="14.25" customHeight="1" x14ac:dyDescent="0.15">
      <c r="B111" s="15"/>
      <c r="C111" s="92" t="s">
        <v>226</v>
      </c>
      <c r="D111" s="7" t="s">
        <v>227</v>
      </c>
      <c r="E111" s="43">
        <v>158</v>
      </c>
      <c r="F111" s="8">
        <v>244</v>
      </c>
      <c r="G111" s="169">
        <v>242</v>
      </c>
      <c r="H111" s="169">
        <v>2</v>
      </c>
      <c r="I111" s="169"/>
      <c r="J111" s="169"/>
      <c r="K111" s="169">
        <v>158</v>
      </c>
      <c r="L111" s="169">
        <v>2</v>
      </c>
      <c r="M111" s="79">
        <v>1.53</v>
      </c>
      <c r="N111" s="171">
        <v>0</v>
      </c>
    </row>
    <row r="112" spans="2:14" ht="7.5" customHeight="1" x14ac:dyDescent="0.15">
      <c r="B112" s="34"/>
      <c r="C112" s="185"/>
      <c r="D112" s="185"/>
      <c r="E112" s="65"/>
      <c r="F112" s="66"/>
      <c r="G112" s="66"/>
      <c r="H112" s="66"/>
      <c r="I112" s="218"/>
      <c r="J112" s="218"/>
      <c r="K112" s="146"/>
      <c r="L112" s="146"/>
      <c r="M112" s="219"/>
      <c r="N112" s="148"/>
    </row>
    <row r="113" spans="2:14" ht="13.5" customHeight="1" x14ac:dyDescent="0.15">
      <c r="E113" s="8"/>
      <c r="F113" s="8"/>
      <c r="G113" s="8"/>
      <c r="H113" s="8"/>
      <c r="L113" s="8"/>
      <c r="M113" s="8"/>
      <c r="N113" s="9"/>
    </row>
    <row r="114" spans="2:14" ht="13.5" customHeight="1" x14ac:dyDescent="0.15">
      <c r="C114" s="145"/>
      <c r="D114" s="145"/>
      <c r="E114" s="145"/>
      <c r="F114" s="145"/>
      <c r="G114" s="145"/>
      <c r="H114" s="145"/>
      <c r="I114" s="145"/>
      <c r="J114" s="145"/>
      <c r="K114" s="145"/>
      <c r="L114" s="145"/>
      <c r="M114" s="145"/>
      <c r="N114" s="145"/>
    </row>
    <row r="115" spans="2:14" ht="14.25" customHeight="1" x14ac:dyDescent="0.15">
      <c r="B115" s="7" t="s">
        <v>228</v>
      </c>
      <c r="E115" s="8"/>
      <c r="F115" s="8"/>
      <c r="G115" s="8"/>
      <c r="H115" s="8"/>
      <c r="L115" s="8"/>
      <c r="M115" s="8"/>
      <c r="N115" s="9"/>
    </row>
    <row r="116" spans="2:14" ht="7.5" customHeight="1" x14ac:dyDescent="0.15">
      <c r="B116" s="10"/>
      <c r="C116" s="11"/>
      <c r="D116" s="11"/>
      <c r="E116" s="12"/>
      <c r="F116" s="12"/>
      <c r="G116" s="11"/>
      <c r="H116" s="11"/>
      <c r="I116" s="13"/>
      <c r="J116" s="13"/>
      <c r="K116" s="13"/>
      <c r="L116" s="11"/>
      <c r="M116" s="11"/>
      <c r="N116" s="14"/>
    </row>
    <row r="117" spans="2:14" ht="15.75" customHeight="1" x14ac:dyDescent="0.15">
      <c r="B117" s="15"/>
      <c r="E117" s="16"/>
      <c r="F117" s="17"/>
      <c r="G117" s="18" t="s">
        <v>2</v>
      </c>
      <c r="H117" s="18"/>
      <c r="I117" s="189"/>
      <c r="J117" s="190"/>
      <c r="K117" s="191"/>
      <c r="L117" s="19" t="s">
        <v>123</v>
      </c>
      <c r="M117" s="20"/>
      <c r="N117" s="21"/>
    </row>
    <row r="118" spans="2:14" ht="14.25" customHeight="1" x14ac:dyDescent="0.15">
      <c r="B118" s="15"/>
      <c r="C118" s="7" t="s">
        <v>4</v>
      </c>
      <c r="D118" s="7" t="s">
        <v>40</v>
      </c>
      <c r="E118" s="22" t="s">
        <v>6</v>
      </c>
      <c r="F118" s="22" t="s">
        <v>7</v>
      </c>
      <c r="G118" s="23" t="s">
        <v>127</v>
      </c>
      <c r="H118" s="24" t="s">
        <v>9</v>
      </c>
      <c r="I118" s="128" t="s">
        <v>10</v>
      </c>
      <c r="J118" s="29"/>
      <c r="K118" s="29"/>
      <c r="L118" s="25" t="s">
        <v>11</v>
      </c>
      <c r="M118" s="24" t="s">
        <v>12</v>
      </c>
      <c r="N118" s="26" t="s">
        <v>129</v>
      </c>
    </row>
    <row r="119" spans="2:14" ht="14.25" customHeight="1" x14ac:dyDescent="0.15">
      <c r="B119" s="15"/>
      <c r="C119" s="27"/>
      <c r="D119" s="28"/>
      <c r="E119" s="30"/>
      <c r="F119" s="30" t="s">
        <v>14</v>
      </c>
      <c r="G119" s="31" t="s">
        <v>15</v>
      </c>
      <c r="H119" s="31" t="s">
        <v>16</v>
      </c>
      <c r="I119" s="128" t="s">
        <v>145</v>
      </c>
      <c r="J119" s="129"/>
      <c r="K119" s="130"/>
      <c r="L119" s="24" t="s">
        <v>132</v>
      </c>
      <c r="M119" s="32" t="s">
        <v>19</v>
      </c>
      <c r="N119" s="26"/>
    </row>
    <row r="120" spans="2:14" ht="7.5" customHeight="1" x14ac:dyDescent="0.15">
      <c r="B120" s="15"/>
      <c r="C120" s="35"/>
      <c r="D120" s="36"/>
      <c r="E120" s="37"/>
      <c r="F120" s="37"/>
      <c r="G120" s="38"/>
      <c r="H120" s="39"/>
      <c r="I120" s="40"/>
      <c r="J120" s="192"/>
      <c r="K120" s="193"/>
      <c r="L120" s="40"/>
      <c r="M120" s="39"/>
      <c r="N120" s="41"/>
    </row>
    <row r="121" spans="2:14" ht="7.5" customHeight="1" x14ac:dyDescent="0.15">
      <c r="B121" s="10"/>
      <c r="C121" s="27"/>
      <c r="D121" s="27"/>
      <c r="E121" s="42"/>
      <c r="F121" s="71"/>
      <c r="I121" s="27"/>
      <c r="J121" s="27"/>
      <c r="K121" s="27"/>
      <c r="N121" s="72"/>
    </row>
    <row r="122" spans="2:14" ht="14.25" customHeight="1" x14ac:dyDescent="0.15">
      <c r="B122" s="15"/>
      <c r="C122" s="92" t="s">
        <v>229</v>
      </c>
      <c r="D122" s="7" t="s">
        <v>230</v>
      </c>
      <c r="E122" s="43">
        <v>78</v>
      </c>
      <c r="F122" s="8">
        <v>85</v>
      </c>
      <c r="G122" s="169">
        <v>85</v>
      </c>
      <c r="H122" s="169">
        <v>0</v>
      </c>
      <c r="I122" s="169"/>
      <c r="J122" s="169"/>
      <c r="K122" s="169">
        <v>80</v>
      </c>
      <c r="L122" s="169">
        <v>1</v>
      </c>
      <c r="M122" s="79">
        <v>1.05</v>
      </c>
      <c r="N122" s="171">
        <v>0</v>
      </c>
    </row>
    <row r="123" spans="2:14" ht="7.5" customHeight="1" x14ac:dyDescent="0.15">
      <c r="B123" s="34"/>
      <c r="C123" s="185"/>
      <c r="D123" s="185"/>
      <c r="E123" s="65"/>
      <c r="F123" s="66"/>
      <c r="G123" s="66"/>
      <c r="H123" s="66"/>
      <c r="I123" s="218"/>
      <c r="J123" s="218"/>
      <c r="K123" s="146"/>
      <c r="L123" s="146"/>
      <c r="M123" s="219"/>
      <c r="N123" s="148"/>
    </row>
    <row r="124" spans="2:14" x14ac:dyDescent="0.15">
      <c r="E124" s="8"/>
      <c r="F124" s="8"/>
      <c r="G124" s="8"/>
      <c r="H124" s="8"/>
      <c r="L124" s="8"/>
      <c r="M124" s="8"/>
      <c r="N124" s="9"/>
    </row>
    <row r="125" spans="2:14" x14ac:dyDescent="0.15">
      <c r="C125" s="145"/>
      <c r="D125" s="145"/>
      <c r="E125" s="145"/>
      <c r="F125" s="145"/>
      <c r="G125" s="145"/>
      <c r="H125" s="145"/>
      <c r="I125" s="145"/>
      <c r="J125" s="145"/>
      <c r="K125" s="145"/>
      <c r="L125" s="145"/>
      <c r="M125" s="145"/>
      <c r="N125" s="145"/>
    </row>
    <row r="126" spans="2:14" ht="14.25" customHeight="1" x14ac:dyDescent="0.15">
      <c r="B126" s="7" t="s">
        <v>231</v>
      </c>
      <c r="E126" s="8"/>
      <c r="F126" s="8"/>
      <c r="G126" s="8"/>
      <c r="H126" s="8"/>
      <c r="L126" s="8"/>
      <c r="M126" s="8"/>
      <c r="N126" s="9"/>
    </row>
    <row r="127" spans="2:14" ht="7.5" customHeight="1" x14ac:dyDescent="0.15">
      <c r="B127" s="10"/>
      <c r="C127" s="11"/>
      <c r="D127" s="11"/>
      <c r="E127" s="12"/>
      <c r="F127" s="12"/>
      <c r="G127" s="11"/>
      <c r="H127" s="11"/>
      <c r="I127" s="13"/>
      <c r="J127" s="13"/>
      <c r="K127" s="13"/>
      <c r="L127" s="11"/>
      <c r="M127" s="11"/>
      <c r="N127" s="14"/>
    </row>
    <row r="128" spans="2:14" ht="15.75" customHeight="1" x14ac:dyDescent="0.15">
      <c r="B128" s="15"/>
      <c r="E128" s="16"/>
      <c r="F128" s="17"/>
      <c r="G128" s="18" t="s">
        <v>2</v>
      </c>
      <c r="H128" s="18"/>
      <c r="I128" s="189"/>
      <c r="J128" s="190"/>
      <c r="K128" s="191"/>
      <c r="L128" s="19" t="s">
        <v>123</v>
      </c>
      <c r="M128" s="20"/>
      <c r="N128" s="21"/>
    </row>
    <row r="129" spans="2:14" ht="14.25" customHeight="1" x14ac:dyDescent="0.15">
      <c r="B129" s="15"/>
      <c r="C129" s="7" t="s">
        <v>4</v>
      </c>
      <c r="D129" s="7" t="s">
        <v>40</v>
      </c>
      <c r="E129" s="22" t="s">
        <v>6</v>
      </c>
      <c r="F129" s="22" t="s">
        <v>7</v>
      </c>
      <c r="G129" s="23" t="s">
        <v>127</v>
      </c>
      <c r="H129" s="24" t="s">
        <v>9</v>
      </c>
      <c r="I129" s="128" t="s">
        <v>10</v>
      </c>
      <c r="J129" s="29"/>
      <c r="K129" s="29"/>
      <c r="L129" s="25" t="s">
        <v>11</v>
      </c>
      <c r="M129" s="24" t="s">
        <v>12</v>
      </c>
      <c r="N129" s="26" t="s">
        <v>129</v>
      </c>
    </row>
    <row r="130" spans="2:14" ht="14.25" customHeight="1" x14ac:dyDescent="0.15">
      <c r="B130" s="15"/>
      <c r="C130" s="27"/>
      <c r="D130" s="28"/>
      <c r="E130" s="30"/>
      <c r="F130" s="30" t="s">
        <v>14</v>
      </c>
      <c r="G130" s="31" t="s">
        <v>15</v>
      </c>
      <c r="H130" s="31" t="s">
        <v>16</v>
      </c>
      <c r="I130" s="128" t="s">
        <v>145</v>
      </c>
      <c r="J130" s="129"/>
      <c r="K130" s="130"/>
      <c r="L130" s="24" t="s">
        <v>132</v>
      </c>
      <c r="M130" s="32" t="s">
        <v>19</v>
      </c>
      <c r="N130" s="26"/>
    </row>
    <row r="131" spans="2:14" ht="7.5" customHeight="1" x14ac:dyDescent="0.15">
      <c r="B131" s="15"/>
      <c r="C131" s="35"/>
      <c r="D131" s="36"/>
      <c r="E131" s="37"/>
      <c r="F131" s="37"/>
      <c r="G131" s="38"/>
      <c r="H131" s="39"/>
      <c r="I131" s="40"/>
      <c r="J131" s="192"/>
      <c r="K131" s="193"/>
      <c r="L131" s="40"/>
      <c r="M131" s="39"/>
      <c r="N131" s="41"/>
    </row>
    <row r="132" spans="2:14" ht="7.5" customHeight="1" x14ac:dyDescent="0.15">
      <c r="B132" s="10"/>
      <c r="C132" s="27"/>
      <c r="D132" s="27"/>
      <c r="E132" s="42"/>
      <c r="F132" s="71"/>
      <c r="I132" s="27"/>
      <c r="J132" s="27"/>
      <c r="K132" s="27"/>
      <c r="N132" s="72"/>
    </row>
    <row r="133" spans="2:14" ht="14.25" customHeight="1" x14ac:dyDescent="0.15">
      <c r="B133" s="15"/>
      <c r="C133" s="7" t="s">
        <v>229</v>
      </c>
      <c r="D133" s="7" t="s">
        <v>232</v>
      </c>
      <c r="E133" s="43">
        <v>38</v>
      </c>
      <c r="F133" s="8">
        <v>43</v>
      </c>
      <c r="G133" s="169">
        <v>43</v>
      </c>
      <c r="H133" s="169">
        <v>0</v>
      </c>
      <c r="I133" s="169"/>
      <c r="J133" s="169"/>
      <c r="K133" s="169">
        <v>38</v>
      </c>
      <c r="L133" s="169">
        <v>0</v>
      </c>
      <c r="M133" s="79">
        <v>1.1299999999999999</v>
      </c>
      <c r="N133" s="171">
        <v>0</v>
      </c>
    </row>
    <row r="134" spans="2:14" ht="7.5" customHeight="1" x14ac:dyDescent="0.15">
      <c r="B134" s="34"/>
      <c r="C134" s="35"/>
      <c r="D134" s="35"/>
      <c r="E134" s="220"/>
      <c r="F134" s="221"/>
      <c r="G134" s="222"/>
      <c r="H134" s="222"/>
      <c r="I134" s="223"/>
      <c r="J134" s="223"/>
      <c r="K134" s="223"/>
      <c r="L134" s="222"/>
      <c r="M134" s="224"/>
      <c r="N134" s="225"/>
    </row>
    <row r="135" spans="2:14" ht="13.5" customHeight="1" x14ac:dyDescent="0.15">
      <c r="E135" s="8"/>
      <c r="F135" s="8"/>
      <c r="G135" s="8"/>
      <c r="H135" s="8"/>
      <c r="L135" s="8"/>
      <c r="M135" s="8"/>
      <c r="N135" s="9"/>
    </row>
    <row r="136" spans="2:14" ht="13.5" customHeight="1" x14ac:dyDescent="0.15">
      <c r="C136" s="145"/>
      <c r="D136" s="145"/>
      <c r="E136" s="145"/>
      <c r="F136" s="145"/>
      <c r="G136" s="145"/>
      <c r="H136" s="145"/>
      <c r="I136" s="145"/>
      <c r="J136" s="145"/>
      <c r="K136" s="145"/>
      <c r="L136" s="145"/>
      <c r="M136" s="145"/>
      <c r="N136" s="145"/>
    </row>
    <row r="137" spans="2:14" ht="14.25" customHeight="1" x14ac:dyDescent="0.15">
      <c r="B137" s="185" t="s">
        <v>233</v>
      </c>
      <c r="E137" s="8"/>
      <c r="F137" s="8"/>
      <c r="G137" s="8"/>
      <c r="H137" s="8"/>
      <c r="L137" s="8"/>
      <c r="M137" s="8"/>
      <c r="N137" s="9"/>
    </row>
    <row r="138" spans="2:14" ht="7.5" customHeight="1" x14ac:dyDescent="0.15">
      <c r="B138" s="10"/>
      <c r="C138" s="11"/>
      <c r="D138" s="11"/>
      <c r="E138" s="12"/>
      <c r="F138" s="12"/>
      <c r="G138" s="11"/>
      <c r="H138" s="11"/>
      <c r="I138" s="13"/>
      <c r="J138" s="13"/>
      <c r="K138" s="13"/>
      <c r="L138" s="11"/>
      <c r="M138" s="11"/>
      <c r="N138" s="14"/>
    </row>
    <row r="139" spans="2:14" ht="15.75" customHeight="1" x14ac:dyDescent="0.15">
      <c r="B139" s="15"/>
      <c r="E139" s="16"/>
      <c r="F139" s="17"/>
      <c r="G139" s="18" t="s">
        <v>2</v>
      </c>
      <c r="H139" s="18"/>
      <c r="I139" s="189"/>
      <c r="J139" s="190"/>
      <c r="K139" s="191"/>
      <c r="L139" s="19" t="s">
        <v>123</v>
      </c>
      <c r="M139" s="20"/>
      <c r="N139" s="21"/>
    </row>
    <row r="140" spans="2:14" ht="14.25" customHeight="1" x14ac:dyDescent="0.15">
      <c r="B140" s="15"/>
      <c r="C140" s="7" t="s">
        <v>4</v>
      </c>
      <c r="D140" s="7" t="s">
        <v>40</v>
      </c>
      <c r="E140" s="22" t="s">
        <v>6</v>
      </c>
      <c r="F140" s="22" t="s">
        <v>7</v>
      </c>
      <c r="G140" s="23" t="s">
        <v>127</v>
      </c>
      <c r="H140" s="24" t="s">
        <v>9</v>
      </c>
      <c r="I140" s="128" t="s">
        <v>10</v>
      </c>
      <c r="J140" s="29"/>
      <c r="K140" s="29"/>
      <c r="L140" s="25" t="s">
        <v>11</v>
      </c>
      <c r="M140" s="24" t="s">
        <v>12</v>
      </c>
      <c r="N140" s="26" t="s">
        <v>129</v>
      </c>
    </row>
    <row r="141" spans="2:14" ht="14.25" customHeight="1" x14ac:dyDescent="0.15">
      <c r="B141" s="15"/>
      <c r="C141" s="27"/>
      <c r="D141" s="28"/>
      <c r="E141" s="30"/>
      <c r="F141" s="30" t="s">
        <v>14</v>
      </c>
      <c r="G141" s="31" t="s">
        <v>15</v>
      </c>
      <c r="H141" s="31" t="s">
        <v>16</v>
      </c>
      <c r="I141" s="128" t="s">
        <v>145</v>
      </c>
      <c r="J141" s="129"/>
      <c r="K141" s="130"/>
      <c r="L141" s="24" t="s">
        <v>132</v>
      </c>
      <c r="M141" s="32" t="s">
        <v>19</v>
      </c>
      <c r="N141" s="26"/>
    </row>
    <row r="142" spans="2:14" ht="7.5" customHeight="1" x14ac:dyDescent="0.15">
      <c r="B142" s="15"/>
      <c r="C142" s="35"/>
      <c r="D142" s="36"/>
      <c r="E142" s="37"/>
      <c r="F142" s="37"/>
      <c r="G142" s="38"/>
      <c r="H142" s="39"/>
      <c r="I142" s="40"/>
      <c r="J142" s="192"/>
      <c r="K142" s="193"/>
      <c r="L142" s="40"/>
      <c r="M142" s="39"/>
      <c r="N142" s="41"/>
    </row>
    <row r="143" spans="2:14" ht="7.5" customHeight="1" x14ac:dyDescent="0.15">
      <c r="B143" s="10"/>
      <c r="C143" s="27"/>
      <c r="D143" s="27"/>
      <c r="E143" s="42"/>
      <c r="F143" s="71"/>
      <c r="I143" s="27"/>
      <c r="J143" s="27"/>
      <c r="K143" s="27"/>
      <c r="N143" s="72"/>
    </row>
    <row r="144" spans="2:14" ht="14.25" customHeight="1" x14ac:dyDescent="0.15">
      <c r="B144" s="15"/>
      <c r="C144" s="7" t="s">
        <v>229</v>
      </c>
      <c r="D144" s="7" t="s">
        <v>234</v>
      </c>
      <c r="E144" s="43">
        <v>38</v>
      </c>
      <c r="F144" s="8">
        <v>55</v>
      </c>
      <c r="G144" s="169">
        <v>55</v>
      </c>
      <c r="H144" s="169">
        <v>0</v>
      </c>
      <c r="I144" s="169"/>
      <c r="J144" s="169"/>
      <c r="K144" s="169">
        <v>38</v>
      </c>
      <c r="L144" s="169">
        <v>0</v>
      </c>
      <c r="M144" s="79">
        <v>1.45</v>
      </c>
      <c r="N144" s="171">
        <v>0</v>
      </c>
    </row>
    <row r="145" spans="2:14" ht="7.5" customHeight="1" x14ac:dyDescent="0.15">
      <c r="B145" s="34"/>
      <c r="C145" s="35"/>
      <c r="D145" s="35"/>
      <c r="E145" s="220"/>
      <c r="F145" s="221"/>
      <c r="G145" s="222"/>
      <c r="H145" s="222"/>
      <c r="I145" s="223"/>
      <c r="J145" s="223"/>
      <c r="K145" s="223"/>
      <c r="L145" s="222"/>
      <c r="M145" s="224"/>
      <c r="N145" s="225"/>
    </row>
    <row r="146" spans="2:14" ht="27" customHeight="1" x14ac:dyDescent="0.15">
      <c r="C146" s="145"/>
      <c r="D146" s="145"/>
      <c r="E146" s="145"/>
      <c r="F146" s="145"/>
      <c r="G146" s="145"/>
      <c r="H146" s="145"/>
      <c r="I146" s="145"/>
      <c r="J146" s="145"/>
      <c r="K146" s="145"/>
      <c r="L146" s="145"/>
      <c r="M146" s="145"/>
      <c r="N146" s="145"/>
    </row>
    <row r="147" spans="2:14" ht="14.25" customHeight="1" x14ac:dyDescent="0.15">
      <c r="B147" s="7" t="s">
        <v>235</v>
      </c>
      <c r="E147" s="8"/>
      <c r="F147" s="8"/>
      <c r="G147" s="8"/>
      <c r="H147" s="8"/>
      <c r="L147" s="8"/>
      <c r="M147" s="8"/>
      <c r="N147" s="9"/>
    </row>
    <row r="148" spans="2:14" ht="7.5" customHeight="1" x14ac:dyDescent="0.15">
      <c r="B148" s="10"/>
      <c r="C148" s="11"/>
      <c r="D148" s="11"/>
      <c r="E148" s="12"/>
      <c r="F148" s="12"/>
      <c r="G148" s="11"/>
      <c r="H148" s="11"/>
      <c r="I148" s="13"/>
      <c r="J148" s="13"/>
      <c r="K148" s="13"/>
      <c r="L148" s="11"/>
      <c r="M148" s="11"/>
      <c r="N148" s="14"/>
    </row>
    <row r="149" spans="2:14" ht="15.75" customHeight="1" x14ac:dyDescent="0.15">
      <c r="B149" s="15"/>
      <c r="E149" s="16"/>
      <c r="F149" s="17"/>
      <c r="G149" s="18" t="s">
        <v>2</v>
      </c>
      <c r="H149" s="18"/>
      <c r="I149" s="189"/>
      <c r="J149" s="190"/>
      <c r="K149" s="191"/>
      <c r="L149" s="19" t="s">
        <v>123</v>
      </c>
      <c r="M149" s="20"/>
      <c r="N149" s="21"/>
    </row>
    <row r="150" spans="2:14" ht="14.25" customHeight="1" x14ac:dyDescent="0.15">
      <c r="B150" s="15"/>
      <c r="C150" s="7" t="s">
        <v>4</v>
      </c>
      <c r="D150" s="92" t="s">
        <v>236</v>
      </c>
      <c r="E150" s="22" t="s">
        <v>6</v>
      </c>
      <c r="F150" s="22" t="s">
        <v>7</v>
      </c>
      <c r="G150" s="23" t="s">
        <v>127</v>
      </c>
      <c r="H150" s="24" t="s">
        <v>9</v>
      </c>
      <c r="I150" s="128" t="s">
        <v>10</v>
      </c>
      <c r="J150" s="29"/>
      <c r="K150" s="29"/>
      <c r="L150" s="25" t="s">
        <v>11</v>
      </c>
      <c r="M150" s="24" t="s">
        <v>12</v>
      </c>
      <c r="N150" s="26" t="s">
        <v>129</v>
      </c>
    </row>
    <row r="151" spans="2:14" ht="14.25" customHeight="1" x14ac:dyDescent="0.15">
      <c r="B151" s="15"/>
      <c r="C151" s="27"/>
      <c r="D151" s="28"/>
      <c r="E151" s="30"/>
      <c r="F151" s="30" t="s">
        <v>14</v>
      </c>
      <c r="G151" s="31" t="s">
        <v>15</v>
      </c>
      <c r="H151" s="31" t="s">
        <v>16</v>
      </c>
      <c r="I151" s="128" t="s">
        <v>145</v>
      </c>
      <c r="J151" s="129"/>
      <c r="K151" s="130"/>
      <c r="L151" s="24" t="s">
        <v>132</v>
      </c>
      <c r="M151" s="32" t="s">
        <v>19</v>
      </c>
      <c r="N151" s="26"/>
    </row>
    <row r="152" spans="2:14" ht="7.5" customHeight="1" x14ac:dyDescent="0.15">
      <c r="B152" s="15"/>
      <c r="C152" s="35"/>
      <c r="D152" s="36"/>
      <c r="E152" s="37"/>
      <c r="F152" s="37"/>
      <c r="G152" s="38"/>
      <c r="H152" s="39"/>
      <c r="I152" s="40"/>
      <c r="J152" s="192"/>
      <c r="K152" s="193"/>
      <c r="L152" s="40"/>
      <c r="M152" s="39"/>
      <c r="N152" s="41"/>
    </row>
    <row r="153" spans="2:14" ht="7.5" customHeight="1" x14ac:dyDescent="0.15">
      <c r="B153" s="10"/>
      <c r="C153" s="27"/>
      <c r="D153" s="27"/>
      <c r="E153" s="42"/>
      <c r="F153" s="71"/>
      <c r="I153" s="27"/>
      <c r="J153" s="27"/>
      <c r="K153" s="27"/>
      <c r="N153" s="72"/>
    </row>
    <row r="154" spans="2:14" ht="14.25" customHeight="1" x14ac:dyDescent="0.15">
      <c r="B154" s="15"/>
      <c r="C154" s="7" t="s">
        <v>237</v>
      </c>
      <c r="D154" s="7" t="s">
        <v>238</v>
      </c>
      <c r="E154" s="43">
        <v>139</v>
      </c>
      <c r="F154" s="8">
        <v>163</v>
      </c>
      <c r="G154" s="169">
        <v>161</v>
      </c>
      <c r="H154" s="169">
        <v>2</v>
      </c>
      <c r="I154" s="169"/>
      <c r="J154" s="169"/>
      <c r="K154" s="169">
        <v>139</v>
      </c>
      <c r="L154" s="169">
        <v>1</v>
      </c>
      <c r="M154" s="79">
        <v>1.17</v>
      </c>
      <c r="N154" s="171">
        <v>0</v>
      </c>
    </row>
    <row r="155" spans="2:14" ht="3.95" customHeight="1" x14ac:dyDescent="0.15">
      <c r="B155" s="15"/>
      <c r="E155" s="43"/>
      <c r="F155" s="8"/>
      <c r="G155" s="8"/>
      <c r="H155" s="8"/>
      <c r="I155" s="169"/>
      <c r="J155" s="183"/>
      <c r="K155" s="142"/>
      <c r="L155" s="8"/>
      <c r="M155" s="8"/>
      <c r="N155" s="140"/>
    </row>
    <row r="156" spans="2:14" ht="14.25" customHeight="1" x14ac:dyDescent="0.15">
      <c r="B156" s="15"/>
      <c r="C156" s="7" t="s">
        <v>24</v>
      </c>
      <c r="D156" s="425" t="s">
        <v>239</v>
      </c>
      <c r="E156" s="43">
        <v>20</v>
      </c>
      <c r="F156" s="8">
        <v>20</v>
      </c>
      <c r="G156" s="169">
        <v>20</v>
      </c>
      <c r="H156" s="169">
        <v>0</v>
      </c>
      <c r="I156" s="169"/>
      <c r="J156" s="169"/>
      <c r="K156" s="169">
        <v>21</v>
      </c>
      <c r="L156" s="169">
        <v>0</v>
      </c>
      <c r="M156" s="79">
        <v>0.95</v>
      </c>
      <c r="N156" s="171">
        <v>0</v>
      </c>
    </row>
    <row r="157" spans="2:14" ht="7.5" customHeight="1" x14ac:dyDescent="0.15">
      <c r="B157" s="15"/>
      <c r="D157" s="425"/>
      <c r="E157" s="172"/>
      <c r="F157" s="8"/>
      <c r="G157" s="8"/>
      <c r="H157" s="8"/>
      <c r="I157" s="169"/>
      <c r="J157" s="183"/>
      <c r="K157" s="142"/>
      <c r="L157" s="8"/>
      <c r="M157" s="8"/>
      <c r="N157" s="140"/>
    </row>
    <row r="158" spans="2:14" ht="17.25" customHeight="1" x14ac:dyDescent="0.15">
      <c r="B158" s="15"/>
      <c r="D158" s="226" t="s">
        <v>26</v>
      </c>
      <c r="E158" s="227">
        <v>159</v>
      </c>
      <c r="F158" s="198">
        <v>183</v>
      </c>
      <c r="G158" s="198">
        <v>181</v>
      </c>
      <c r="H158" s="198">
        <v>2</v>
      </c>
      <c r="I158" s="199"/>
      <c r="J158" s="200"/>
      <c r="K158" s="143">
        <v>160</v>
      </c>
      <c r="L158" s="143">
        <v>1</v>
      </c>
      <c r="M158" s="201">
        <v>1.1399999999999999</v>
      </c>
      <c r="N158" s="144">
        <v>0</v>
      </c>
    </row>
    <row r="159" spans="2:14" ht="7.5" customHeight="1" x14ac:dyDescent="0.15">
      <c r="B159" s="34"/>
      <c r="C159" s="185"/>
      <c r="D159" s="228"/>
      <c r="E159" s="66"/>
      <c r="F159" s="66"/>
      <c r="G159" s="66"/>
      <c r="H159" s="66"/>
      <c r="I159" s="186"/>
      <c r="J159" s="187"/>
      <c r="K159" s="188"/>
      <c r="L159" s="66"/>
      <c r="M159" s="66"/>
      <c r="N159" s="68"/>
    </row>
    <row r="160" spans="2:14" ht="13.5" customHeight="1" x14ac:dyDescent="0.15">
      <c r="B160" s="229" t="s">
        <v>240</v>
      </c>
      <c r="C160" s="230"/>
      <c r="D160" s="69"/>
      <c r="E160" s="69"/>
      <c r="F160" s="69"/>
      <c r="G160" s="69"/>
      <c r="H160" s="231"/>
      <c r="I160" s="69"/>
      <c r="J160" s="232"/>
    </row>
    <row r="161" spans="2:14" ht="13.5" customHeight="1" x14ac:dyDescent="0.15">
      <c r="B161" s="233" t="s">
        <v>241</v>
      </c>
      <c r="C161" s="230"/>
      <c r="D161" s="69"/>
      <c r="E161" s="69"/>
      <c r="F161" s="69"/>
      <c r="G161" s="69"/>
      <c r="H161" s="231"/>
      <c r="I161" s="69"/>
      <c r="J161" s="232"/>
    </row>
    <row r="162" spans="2:14" ht="13.5" customHeight="1" x14ac:dyDescent="0.15">
      <c r="B162" s="233" t="s">
        <v>242</v>
      </c>
      <c r="C162" s="230"/>
      <c r="D162" s="69"/>
      <c r="E162" s="69"/>
      <c r="F162" s="69"/>
      <c r="G162" s="69"/>
      <c r="H162" s="231"/>
      <c r="I162" s="69"/>
      <c r="J162" s="232"/>
    </row>
    <row r="163" spans="2:14" ht="13.5" customHeight="1" x14ac:dyDescent="0.15">
      <c r="B163" s="233" t="s">
        <v>243</v>
      </c>
      <c r="C163" s="230"/>
      <c r="D163" s="69"/>
      <c r="E163" s="69"/>
      <c r="F163" s="69"/>
      <c r="G163" s="69"/>
      <c r="H163" s="231"/>
      <c r="I163" s="69"/>
      <c r="J163" s="232"/>
    </row>
    <row r="164" spans="2:14" ht="15.75" customHeight="1" x14ac:dyDescent="0.15">
      <c r="C164" s="145"/>
      <c r="D164" s="145"/>
      <c r="E164" s="145"/>
      <c r="F164" s="145"/>
      <c r="G164" s="145"/>
      <c r="H164" s="145"/>
      <c r="I164" s="145"/>
      <c r="J164" s="145"/>
      <c r="K164" s="145"/>
      <c r="L164" s="145"/>
      <c r="M164" s="145"/>
      <c r="N164" s="145"/>
    </row>
    <row r="165" spans="2:14" ht="14.25" customHeight="1" x14ac:dyDescent="0.15">
      <c r="B165" s="7" t="s">
        <v>244</v>
      </c>
      <c r="E165" s="8"/>
      <c r="F165" s="8"/>
      <c r="G165" s="8"/>
      <c r="H165" s="8"/>
      <c r="L165" s="8"/>
      <c r="M165" s="8"/>
      <c r="N165" s="9"/>
    </row>
    <row r="166" spans="2:14" ht="7.5" customHeight="1" x14ac:dyDescent="0.15">
      <c r="B166" s="10"/>
      <c r="C166" s="11"/>
      <c r="D166" s="11"/>
      <c r="E166" s="12"/>
      <c r="F166" s="12"/>
      <c r="G166" s="11"/>
      <c r="H166" s="11"/>
      <c r="I166" s="13"/>
      <c r="J166" s="13"/>
      <c r="K166" s="13"/>
      <c r="L166" s="11"/>
      <c r="M166" s="11"/>
      <c r="N166" s="14"/>
    </row>
    <row r="167" spans="2:14" ht="15.75" customHeight="1" x14ac:dyDescent="0.15">
      <c r="B167" s="15"/>
      <c r="E167" s="16"/>
      <c r="F167" s="17"/>
      <c r="G167" s="18" t="s">
        <v>2</v>
      </c>
      <c r="H167" s="18"/>
      <c r="I167" s="189"/>
      <c r="J167" s="190"/>
      <c r="K167" s="191"/>
      <c r="L167" s="19" t="s">
        <v>123</v>
      </c>
      <c r="M167" s="20"/>
      <c r="N167" s="21"/>
    </row>
    <row r="168" spans="2:14" ht="14.25" customHeight="1" x14ac:dyDescent="0.15">
      <c r="B168" s="15"/>
      <c r="C168" s="7" t="s">
        <v>4</v>
      </c>
      <c r="D168" s="7" t="s">
        <v>40</v>
      </c>
      <c r="E168" s="22" t="s">
        <v>6</v>
      </c>
      <c r="F168" s="22" t="s">
        <v>7</v>
      </c>
      <c r="G168" s="23" t="s">
        <v>127</v>
      </c>
      <c r="H168" s="24" t="s">
        <v>9</v>
      </c>
      <c r="I168" s="128" t="s">
        <v>10</v>
      </c>
      <c r="J168" s="29"/>
      <c r="K168" s="29"/>
      <c r="L168" s="25" t="s">
        <v>11</v>
      </c>
      <c r="M168" s="24" t="s">
        <v>12</v>
      </c>
      <c r="N168" s="26" t="s">
        <v>129</v>
      </c>
    </row>
    <row r="169" spans="2:14" ht="14.25" customHeight="1" x14ac:dyDescent="0.15">
      <c r="B169" s="15"/>
      <c r="C169" s="27"/>
      <c r="D169" s="28"/>
      <c r="E169" s="30"/>
      <c r="F169" s="30" t="s">
        <v>14</v>
      </c>
      <c r="G169" s="31" t="s">
        <v>15</v>
      </c>
      <c r="H169" s="31" t="s">
        <v>16</v>
      </c>
      <c r="I169" s="128" t="s">
        <v>145</v>
      </c>
      <c r="J169" s="129"/>
      <c r="K169" s="130"/>
      <c r="L169" s="24" t="s">
        <v>132</v>
      </c>
      <c r="M169" s="32" t="s">
        <v>19</v>
      </c>
      <c r="N169" s="26"/>
    </row>
    <row r="170" spans="2:14" ht="7.5" customHeight="1" x14ac:dyDescent="0.15">
      <c r="B170" s="15"/>
      <c r="C170" s="35"/>
      <c r="D170" s="36"/>
      <c r="E170" s="37"/>
      <c r="F170" s="37"/>
      <c r="G170" s="38"/>
      <c r="H170" s="39"/>
      <c r="I170" s="40"/>
      <c r="J170" s="192"/>
      <c r="K170" s="193"/>
      <c r="L170" s="40"/>
      <c r="M170" s="39"/>
      <c r="N170" s="41"/>
    </row>
    <row r="171" spans="2:14" ht="7.5" customHeight="1" x14ac:dyDescent="0.15">
      <c r="B171" s="10"/>
      <c r="C171" s="27"/>
      <c r="D171" s="27"/>
      <c r="E171" s="42"/>
      <c r="F171" s="71"/>
      <c r="I171" s="27"/>
      <c r="J171" s="27"/>
      <c r="K171" s="27"/>
      <c r="N171" s="72"/>
    </row>
    <row r="172" spans="2:14" ht="14.25" customHeight="1" x14ac:dyDescent="0.15">
      <c r="B172" s="15"/>
      <c r="C172" s="7" t="s">
        <v>245</v>
      </c>
      <c r="D172" s="7" t="s">
        <v>246</v>
      </c>
      <c r="E172" s="43">
        <v>238</v>
      </c>
      <c r="F172" s="8">
        <v>217</v>
      </c>
      <c r="G172" s="169">
        <v>216</v>
      </c>
      <c r="H172" s="169">
        <v>1</v>
      </c>
      <c r="I172" s="169"/>
      <c r="J172" s="169"/>
      <c r="K172" s="169">
        <v>213</v>
      </c>
      <c r="L172" s="169">
        <v>4</v>
      </c>
      <c r="M172" s="79">
        <v>1</v>
      </c>
      <c r="N172" s="171">
        <v>25</v>
      </c>
    </row>
    <row r="173" spans="2:14" ht="7.5" customHeight="1" x14ac:dyDescent="0.15">
      <c r="B173" s="34"/>
      <c r="C173" s="185"/>
      <c r="D173" s="185"/>
      <c r="E173" s="65"/>
      <c r="F173" s="66"/>
      <c r="G173" s="66"/>
      <c r="H173" s="66"/>
      <c r="I173" s="186"/>
      <c r="J173" s="187"/>
      <c r="K173" s="188"/>
      <c r="L173" s="66"/>
      <c r="M173" s="66"/>
      <c r="N173" s="68"/>
    </row>
    <row r="174" spans="2:14" ht="27" customHeight="1" x14ac:dyDescent="0.15">
      <c r="E174" s="8"/>
      <c r="F174" s="8"/>
      <c r="G174" s="8"/>
      <c r="H174" s="8"/>
      <c r="L174" s="8"/>
      <c r="M174" s="8"/>
      <c r="N174" s="9"/>
    </row>
    <row r="175" spans="2:14" ht="14.25" customHeight="1" x14ac:dyDescent="0.15">
      <c r="B175" s="7" t="s">
        <v>247</v>
      </c>
      <c r="E175" s="8"/>
      <c r="I175" s="9"/>
      <c r="J175" s="134"/>
    </row>
    <row r="176" spans="2:14" ht="7.5" customHeight="1" x14ac:dyDescent="0.15">
      <c r="B176" s="234"/>
      <c r="C176" s="235"/>
      <c r="D176" s="235"/>
      <c r="E176" s="12"/>
      <c r="F176" s="12"/>
      <c r="G176" s="11"/>
      <c r="H176" s="11"/>
      <c r="I176" s="13"/>
      <c r="J176" s="13"/>
      <c r="K176" s="13"/>
      <c r="L176" s="11"/>
      <c r="M176" s="11"/>
      <c r="N176" s="14"/>
    </row>
    <row r="177" spans="2:14" ht="14.25" customHeight="1" x14ac:dyDescent="0.15">
      <c r="B177" s="75"/>
      <c r="C177" s="46"/>
      <c r="D177" s="46"/>
      <c r="E177" s="16"/>
      <c r="F177" s="17"/>
      <c r="G177" s="18" t="s">
        <v>2</v>
      </c>
      <c r="H177" s="18"/>
      <c r="I177" s="189"/>
      <c r="J177" s="190"/>
      <c r="K177" s="191"/>
      <c r="L177" s="19" t="s">
        <v>123</v>
      </c>
      <c r="M177" s="20"/>
      <c r="N177" s="21"/>
    </row>
    <row r="178" spans="2:14" ht="14.25" customHeight="1" x14ac:dyDescent="0.15">
      <c r="B178" s="75"/>
      <c r="C178" s="46" t="s">
        <v>4</v>
      </c>
      <c r="D178" s="46" t="s">
        <v>40</v>
      </c>
      <c r="E178" s="22" t="s">
        <v>6</v>
      </c>
      <c r="F178" s="22" t="s">
        <v>7</v>
      </c>
      <c r="G178" s="23" t="s">
        <v>127</v>
      </c>
      <c r="H178" s="24" t="s">
        <v>9</v>
      </c>
      <c r="I178" s="128" t="s">
        <v>10</v>
      </c>
      <c r="J178" s="29"/>
      <c r="K178" s="29"/>
      <c r="L178" s="25" t="s">
        <v>11</v>
      </c>
      <c r="M178" s="24" t="s">
        <v>12</v>
      </c>
      <c r="N178" s="26" t="s">
        <v>129</v>
      </c>
    </row>
    <row r="179" spans="2:14" ht="14.25" customHeight="1" x14ac:dyDescent="0.15">
      <c r="B179" s="75"/>
      <c r="C179" s="88"/>
      <c r="D179" s="236"/>
      <c r="E179" s="30"/>
      <c r="F179" s="30" t="s">
        <v>14</v>
      </c>
      <c r="G179" s="31" t="s">
        <v>15</v>
      </c>
      <c r="H179" s="31" t="s">
        <v>16</v>
      </c>
      <c r="I179" s="128" t="s">
        <v>145</v>
      </c>
      <c r="J179" s="129"/>
      <c r="K179" s="130"/>
      <c r="L179" s="24" t="s">
        <v>132</v>
      </c>
      <c r="M179" s="32" t="s">
        <v>19</v>
      </c>
      <c r="N179" s="26"/>
    </row>
    <row r="180" spans="2:14" ht="7.5" customHeight="1" x14ac:dyDescent="0.15">
      <c r="B180" s="75"/>
      <c r="C180" s="237"/>
      <c r="D180" s="238"/>
      <c r="E180" s="37"/>
      <c r="F180" s="37"/>
      <c r="G180" s="38"/>
      <c r="H180" s="39"/>
      <c r="I180" s="40"/>
      <c r="J180" s="192"/>
      <c r="K180" s="193"/>
      <c r="L180" s="40"/>
      <c r="M180" s="39"/>
      <c r="N180" s="41"/>
    </row>
    <row r="181" spans="2:14" ht="7.5" customHeight="1" x14ac:dyDescent="0.15">
      <c r="B181" s="234"/>
      <c r="C181" s="88"/>
      <c r="D181" s="88"/>
      <c r="E181" s="42"/>
      <c r="F181" s="71"/>
      <c r="I181" s="27"/>
      <c r="J181" s="27"/>
      <c r="K181" s="27"/>
      <c r="N181" s="72"/>
    </row>
    <row r="182" spans="2:14" ht="14.25" customHeight="1" x14ac:dyDescent="0.15">
      <c r="B182" s="75"/>
      <c r="C182" s="46" t="s">
        <v>20</v>
      </c>
      <c r="D182" s="46" t="s">
        <v>248</v>
      </c>
      <c r="E182" s="43">
        <v>30</v>
      </c>
      <c r="F182" s="8">
        <v>37</v>
      </c>
      <c r="G182" s="169">
        <v>37</v>
      </c>
      <c r="H182" s="169">
        <v>0</v>
      </c>
      <c r="I182" s="169"/>
      <c r="J182" s="169"/>
      <c r="K182" s="169">
        <v>30</v>
      </c>
      <c r="L182" s="169">
        <v>0</v>
      </c>
      <c r="M182" s="79">
        <v>1.23</v>
      </c>
      <c r="N182" s="171">
        <v>0</v>
      </c>
    </row>
    <row r="183" spans="2:14" ht="7.5" customHeight="1" x14ac:dyDescent="0.15">
      <c r="B183" s="239"/>
      <c r="C183" s="240"/>
      <c r="D183" s="240"/>
      <c r="E183" s="65"/>
      <c r="F183" s="66"/>
      <c r="G183" s="66"/>
      <c r="H183" s="66"/>
      <c r="I183" s="186"/>
      <c r="J183" s="187"/>
      <c r="K183" s="188"/>
      <c r="L183" s="66"/>
      <c r="M183" s="66"/>
      <c r="N183" s="68"/>
    </row>
    <row r="184" spans="2:14" s="76" customFormat="1" ht="13.5" customHeight="1" x14ac:dyDescent="0.15">
      <c r="B184" s="2"/>
      <c r="C184" s="85"/>
      <c r="E184" s="241"/>
      <c r="F184" s="241"/>
      <c r="G184" s="242"/>
      <c r="H184" s="242"/>
      <c r="I184" s="242"/>
      <c r="J184" s="242"/>
      <c r="K184" s="242"/>
      <c r="L184" s="242"/>
      <c r="M184" s="242"/>
    </row>
    <row r="185" spans="2:14" s="76" customFormat="1" ht="13.5" customHeight="1" x14ac:dyDescent="0.15">
      <c r="B185" s="2"/>
      <c r="C185" s="85"/>
      <c r="E185" s="241"/>
      <c r="F185" s="241"/>
      <c r="G185" s="242"/>
      <c r="H185" s="242"/>
      <c r="I185" s="242"/>
      <c r="J185" s="242"/>
      <c r="K185" s="242"/>
      <c r="L185" s="242"/>
      <c r="M185" s="242"/>
    </row>
    <row r="186" spans="2:14" s="76" customFormat="1" ht="14.25" customHeight="1" x14ac:dyDescent="0.15">
      <c r="B186" s="1" t="s">
        <v>249</v>
      </c>
      <c r="E186" s="241"/>
      <c r="F186" s="241"/>
      <c r="G186" s="242"/>
      <c r="H186" s="242"/>
      <c r="I186" s="242"/>
      <c r="J186" s="242"/>
      <c r="L186" s="242"/>
      <c r="M186" s="242"/>
    </row>
    <row r="187" spans="2:14" s="76" customFormat="1" ht="14.25" customHeight="1" x14ac:dyDescent="0.15">
      <c r="E187" s="241"/>
      <c r="F187" s="241"/>
      <c r="G187" s="242"/>
      <c r="H187" s="242"/>
      <c r="I187" s="242"/>
      <c r="J187" s="242"/>
      <c r="L187" s="242"/>
      <c r="M187" s="242"/>
    </row>
    <row r="188" spans="2:14" s="76" customFormat="1" ht="14.25" customHeight="1" x14ac:dyDescent="0.15">
      <c r="B188" s="243"/>
      <c r="C188" s="244"/>
      <c r="D188" s="245"/>
      <c r="E188" s="246"/>
      <c r="F188" s="246"/>
      <c r="G188" s="245"/>
      <c r="H188" s="245"/>
      <c r="I188" s="245"/>
      <c r="J188" s="245"/>
      <c r="K188" s="245"/>
      <c r="L188" s="247"/>
      <c r="M188" s="247"/>
      <c r="N188" s="248"/>
    </row>
    <row r="189" spans="2:14" s="76" customFormat="1" ht="13.5" customHeight="1" x14ac:dyDescent="0.15">
      <c r="B189" s="249"/>
      <c r="C189" s="85"/>
      <c r="E189" s="16"/>
      <c r="F189" s="17"/>
      <c r="G189" s="18" t="s">
        <v>2</v>
      </c>
      <c r="H189" s="18"/>
      <c r="I189" s="189"/>
      <c r="J189" s="190"/>
      <c r="K189" s="191"/>
      <c r="L189" s="19" t="s">
        <v>123</v>
      </c>
      <c r="M189" s="20"/>
      <c r="N189" s="21"/>
    </row>
    <row r="190" spans="2:14" s="76" customFormat="1" ht="13.5" customHeight="1" x14ac:dyDescent="0.15">
      <c r="B190" s="249"/>
      <c r="C190" s="7" t="s">
        <v>4</v>
      </c>
      <c r="D190" s="7" t="s">
        <v>40</v>
      </c>
      <c r="E190" s="22" t="s">
        <v>6</v>
      </c>
      <c r="F190" s="22" t="s">
        <v>7</v>
      </c>
      <c r="G190" s="23" t="s">
        <v>250</v>
      </c>
      <c r="H190" s="24" t="s">
        <v>9</v>
      </c>
      <c r="I190" s="128" t="s">
        <v>10</v>
      </c>
      <c r="J190" s="29"/>
      <c r="K190" s="29"/>
      <c r="L190" s="25" t="s">
        <v>11</v>
      </c>
      <c r="M190" s="24" t="s">
        <v>12</v>
      </c>
      <c r="N190" s="26" t="s">
        <v>129</v>
      </c>
    </row>
    <row r="191" spans="2:14" s="76" customFormat="1" ht="14.25" customHeight="1" x14ac:dyDescent="0.15">
      <c r="B191" s="249"/>
      <c r="C191" s="85"/>
      <c r="D191" s="85"/>
      <c r="E191" s="30"/>
      <c r="F191" s="30" t="s">
        <v>14</v>
      </c>
      <c r="G191" s="31" t="s">
        <v>15</v>
      </c>
      <c r="H191" s="31" t="s">
        <v>16</v>
      </c>
      <c r="I191" s="128" t="s">
        <v>145</v>
      </c>
      <c r="J191" s="129"/>
      <c r="K191" s="130"/>
      <c r="L191" s="24" t="s">
        <v>132</v>
      </c>
      <c r="M191" s="32" t="s">
        <v>19</v>
      </c>
      <c r="N191" s="26"/>
    </row>
    <row r="192" spans="2:14" s="76" customFormat="1" ht="7.5" customHeight="1" x14ac:dyDescent="0.15">
      <c r="B192" s="250"/>
      <c r="C192" s="251"/>
      <c r="D192" s="192"/>
      <c r="E192" s="37"/>
      <c r="F192" s="37"/>
      <c r="G192" s="38"/>
      <c r="H192" s="39"/>
      <c r="I192" s="40"/>
      <c r="J192" s="192"/>
      <c r="K192" s="193"/>
      <c r="L192" s="107"/>
      <c r="M192" s="39"/>
      <c r="N192" s="120"/>
    </row>
    <row r="193" spans="2:14" s="76" customFormat="1" ht="7.5" customHeight="1" x14ac:dyDescent="0.15">
      <c r="B193" s="243"/>
      <c r="C193" s="252"/>
      <c r="D193" s="85"/>
      <c r="E193" s="83"/>
      <c r="F193" s="253"/>
      <c r="G193" s="242"/>
      <c r="H193" s="242"/>
      <c r="I193" s="85"/>
      <c r="J193" s="85"/>
      <c r="K193" s="85"/>
      <c r="L193" s="242"/>
      <c r="M193" s="245"/>
      <c r="N193" s="248"/>
    </row>
    <row r="194" spans="2:14" s="76" customFormat="1" ht="14.1" customHeight="1" x14ac:dyDescent="0.15">
      <c r="B194" s="254"/>
      <c r="C194" s="2" t="s">
        <v>251</v>
      </c>
      <c r="D194" s="2" t="s">
        <v>154</v>
      </c>
      <c r="E194" s="43">
        <v>40</v>
      </c>
      <c r="F194" s="8">
        <v>40</v>
      </c>
      <c r="G194" s="169">
        <v>40</v>
      </c>
      <c r="H194" s="165" t="s">
        <v>181</v>
      </c>
      <c r="I194" s="169"/>
      <c r="J194" s="169"/>
      <c r="K194" s="169">
        <v>40</v>
      </c>
      <c r="L194" s="169">
        <v>0</v>
      </c>
      <c r="M194" s="79">
        <v>1</v>
      </c>
      <c r="N194" s="171">
        <v>0</v>
      </c>
    </row>
    <row r="195" spans="2:14" s="76" customFormat="1" ht="14.1" customHeight="1" x14ac:dyDescent="0.15">
      <c r="B195" s="254"/>
      <c r="C195" s="2" t="s">
        <v>252</v>
      </c>
      <c r="D195" s="2" t="s">
        <v>154</v>
      </c>
      <c r="E195" s="43">
        <v>45</v>
      </c>
      <c r="F195" s="8">
        <v>31</v>
      </c>
      <c r="G195" s="169">
        <v>31</v>
      </c>
      <c r="H195" s="169">
        <v>0</v>
      </c>
      <c r="I195" s="169"/>
      <c r="J195" s="169"/>
      <c r="K195" s="169">
        <v>31</v>
      </c>
      <c r="L195" s="169">
        <v>0</v>
      </c>
      <c r="M195" s="79">
        <v>1</v>
      </c>
      <c r="N195" s="171">
        <v>14</v>
      </c>
    </row>
    <row r="196" spans="2:14" s="76" customFormat="1" ht="7.5" customHeight="1" x14ac:dyDescent="0.15">
      <c r="B196" s="250"/>
      <c r="C196" s="211"/>
      <c r="D196" s="212"/>
      <c r="E196" s="213"/>
      <c r="F196" s="255"/>
      <c r="G196" s="256"/>
      <c r="H196" s="256"/>
      <c r="I196" s="257"/>
      <c r="J196" s="257"/>
      <c r="K196" s="257"/>
      <c r="L196" s="256"/>
      <c r="M196" s="258"/>
      <c r="N196" s="217"/>
    </row>
    <row r="197" spans="2:14" s="76" customFormat="1" ht="7.5" customHeight="1" x14ac:dyDescent="0.15">
      <c r="B197" s="259"/>
      <c r="C197" s="260"/>
      <c r="D197" s="2"/>
      <c r="E197" s="261"/>
      <c r="F197" s="262"/>
      <c r="G197" s="262"/>
      <c r="H197" s="262"/>
      <c r="I197" s="263"/>
      <c r="J197" s="263"/>
      <c r="K197" s="263"/>
      <c r="L197" s="262"/>
      <c r="M197" s="257"/>
      <c r="N197" s="264"/>
    </row>
    <row r="198" spans="2:14" s="76" customFormat="1" x14ac:dyDescent="0.15">
      <c r="B198" s="209"/>
      <c r="C198" s="423" t="s">
        <v>222</v>
      </c>
      <c r="D198" s="424"/>
      <c r="E198" s="172">
        <v>85</v>
      </c>
      <c r="F198" s="198">
        <v>71</v>
      </c>
      <c r="G198" s="198">
        <v>71</v>
      </c>
      <c r="H198" s="198">
        <v>0</v>
      </c>
      <c r="I198" s="199"/>
      <c r="J198" s="200"/>
      <c r="K198" s="143">
        <v>71</v>
      </c>
      <c r="L198" s="143">
        <v>0</v>
      </c>
      <c r="M198" s="201">
        <v>1</v>
      </c>
      <c r="N198" s="144">
        <v>14</v>
      </c>
    </row>
    <row r="199" spans="2:14" s="76" customFormat="1" ht="7.5" customHeight="1" x14ac:dyDescent="0.15">
      <c r="B199" s="210"/>
      <c r="C199" s="211"/>
      <c r="D199" s="212"/>
      <c r="E199" s="213"/>
      <c r="F199" s="214"/>
      <c r="G199" s="107"/>
      <c r="H199" s="107"/>
      <c r="I199" s="215"/>
      <c r="J199" s="212"/>
      <c r="K199" s="215"/>
      <c r="L199" s="107"/>
      <c r="M199" s="216"/>
      <c r="N199" s="217"/>
    </row>
    <row r="200" spans="2:14" s="76" customFormat="1" ht="13.5" customHeight="1" x14ac:dyDescent="0.15">
      <c r="B200" s="229"/>
      <c r="C200" s="101"/>
      <c r="D200" s="2"/>
      <c r="E200" s="265"/>
      <c r="F200" s="265"/>
      <c r="G200" s="242"/>
      <c r="H200" s="242"/>
      <c r="I200" s="4"/>
      <c r="J200" s="2"/>
      <c r="K200" s="4"/>
      <c r="L200" s="242"/>
      <c r="M200" s="5"/>
    </row>
    <row r="201" spans="2:14" s="76" customFormat="1" x14ac:dyDescent="0.15">
      <c r="E201" s="241"/>
      <c r="F201" s="241"/>
      <c r="G201" s="242"/>
      <c r="H201" s="242"/>
      <c r="I201" s="242"/>
      <c r="J201" s="242"/>
      <c r="K201" s="242"/>
      <c r="L201" s="242"/>
      <c r="M201" s="242"/>
    </row>
    <row r="202" spans="2:14" s="76" customFormat="1" x14ac:dyDescent="0.15">
      <c r="B202" s="85"/>
      <c r="E202" s="241"/>
      <c r="F202" s="241"/>
      <c r="G202" s="242"/>
      <c r="H202" s="242"/>
      <c r="I202" s="242"/>
      <c r="J202" s="242"/>
      <c r="K202" s="242"/>
      <c r="L202" s="242"/>
      <c r="M202" s="242"/>
    </row>
  </sheetData>
  <mergeCells count="5">
    <mergeCell ref="C30:D30"/>
    <mergeCell ref="C61:D61"/>
    <mergeCell ref="C89:D89"/>
    <mergeCell ref="D156:D157"/>
    <mergeCell ref="C198:D198"/>
  </mergeCells>
  <phoneticPr fontId="3"/>
  <printOptions horizontalCentered="1"/>
  <pageMargins left="0.78740157480314965" right="0.78740157480314965" top="0.78740157480314965" bottom="0.59055118110236227" header="0.51181102362204722" footer="0.39370078740157483"/>
  <pageSetup paperSize="9" scale="70" firstPageNumber="8" fitToHeight="0" orientation="portrait" useFirstPageNumber="1" r:id="rId1"/>
  <headerFooter alignWithMargins="0">
    <oddFooter>&amp;C&amp;"ＭＳ ゴシック,標準"&amp;P</oddFooter>
  </headerFooter>
  <rowBreaks count="2" manualBreakCount="2">
    <brk id="63" max="13" man="1"/>
    <brk id="136" max="1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10861C-01C4-45C3-A5B9-1A0FBBE909A1}">
  <sheetPr>
    <pageSetUpPr fitToPage="1"/>
  </sheetPr>
  <dimension ref="A1:O127"/>
  <sheetViews>
    <sheetView showWhiteSpace="0" view="pageBreakPreview" zoomScaleNormal="85" zoomScaleSheetLayoutView="100" workbookViewId="0"/>
  </sheetViews>
  <sheetFormatPr defaultColWidth="9" defaultRowHeight="13.5" x14ac:dyDescent="0.15"/>
  <cols>
    <col min="1" max="1" width="1.5" style="7" customWidth="1"/>
    <col min="2" max="2" width="1.375" style="7" customWidth="1"/>
    <col min="3" max="3" width="21.875" style="7" customWidth="1"/>
    <col min="4" max="4" width="15.5" style="7" customWidth="1"/>
    <col min="5" max="5" width="7.5" style="7" customWidth="1"/>
    <col min="6" max="6" width="9.125" style="7" customWidth="1"/>
    <col min="7" max="8" width="9" style="7" customWidth="1"/>
    <col min="9" max="9" width="7.125" style="7" bestFit="1" customWidth="1"/>
    <col min="10" max="10" width="5.5" style="7" bestFit="1" customWidth="1"/>
    <col min="11" max="11" width="5.125" style="7" bestFit="1" customWidth="1"/>
    <col min="12" max="12" width="7" style="7" customWidth="1"/>
    <col min="13" max="13" width="9.125" style="7" customWidth="1"/>
    <col min="14" max="14" width="10" style="7" bestFit="1" customWidth="1"/>
    <col min="15" max="15" width="6.875" style="7" customWidth="1"/>
    <col min="16" max="16384" width="9" style="7"/>
  </cols>
  <sheetData>
    <row r="1" spans="2:15" s="2" customFormat="1" ht="15" customHeight="1" x14ac:dyDescent="0.15">
      <c r="B1" s="1" t="s">
        <v>115</v>
      </c>
      <c r="C1" s="3"/>
      <c r="E1" s="4"/>
      <c r="F1" s="4"/>
      <c r="G1" s="4"/>
      <c r="H1" s="4"/>
      <c r="I1" s="4"/>
      <c r="J1" s="4"/>
      <c r="K1" s="4"/>
      <c r="M1" s="4"/>
      <c r="N1" s="4"/>
      <c r="O1" s="5"/>
    </row>
    <row r="2" spans="2:15" s="2" customFormat="1" ht="15" customHeight="1" x14ac:dyDescent="0.15">
      <c r="B2" s="1"/>
      <c r="C2" s="3"/>
      <c r="E2" s="4"/>
      <c r="F2" s="4"/>
      <c r="G2" s="4"/>
      <c r="H2" s="4"/>
      <c r="I2" s="4"/>
      <c r="J2" s="4"/>
      <c r="K2" s="4"/>
      <c r="M2" s="4"/>
      <c r="N2" s="4"/>
      <c r="O2" s="5"/>
    </row>
    <row r="3" spans="2:15" s="2" customFormat="1" ht="14.25" x14ac:dyDescent="0.15">
      <c r="B3" s="1"/>
      <c r="C3" t="s">
        <v>116</v>
      </c>
      <c r="D3"/>
      <c r="E3"/>
      <c r="F3" s="4"/>
      <c r="G3" s="4"/>
      <c r="H3" s="4"/>
      <c r="I3" s="4"/>
      <c r="J3" s="4"/>
      <c r="K3" s="4"/>
      <c r="M3" s="4"/>
      <c r="N3" s="4"/>
      <c r="O3" s="5"/>
    </row>
    <row r="4" spans="2:15" s="2" customFormat="1" ht="14.25" x14ac:dyDescent="0.15">
      <c r="B4" s="1"/>
      <c r="C4" t="s">
        <v>117</v>
      </c>
      <c r="D4"/>
      <c r="E4"/>
      <c r="F4" s="4"/>
      <c r="G4" s="4"/>
      <c r="H4" s="4"/>
      <c r="I4" s="4"/>
      <c r="J4" s="4"/>
      <c r="K4" s="4"/>
      <c r="M4" s="4"/>
      <c r="N4" s="4"/>
      <c r="O4" s="5"/>
    </row>
    <row r="5" spans="2:15" s="2" customFormat="1" ht="14.25" x14ac:dyDescent="0.15">
      <c r="B5" s="1"/>
      <c r="C5"/>
      <c r="D5"/>
      <c r="E5"/>
      <c r="F5" s="4"/>
      <c r="G5" s="4"/>
      <c r="H5" s="4"/>
      <c r="I5" s="4"/>
      <c r="J5" s="4"/>
      <c r="K5" s="4"/>
      <c r="M5" s="4"/>
      <c r="N5" s="4"/>
      <c r="O5" s="5"/>
    </row>
    <row r="6" spans="2:15" x14ac:dyDescent="0.15">
      <c r="B6" s="111" t="s">
        <v>118</v>
      </c>
      <c r="E6" s="8"/>
      <c r="F6" s="8"/>
      <c r="G6" s="8"/>
      <c r="H6" s="8"/>
      <c r="I6" s="8"/>
      <c r="J6" s="8"/>
      <c r="K6" s="8"/>
      <c r="M6" s="8"/>
      <c r="N6" s="8"/>
      <c r="O6" s="9"/>
    </row>
    <row r="7" spans="2:15" x14ac:dyDescent="0.15">
      <c r="B7" s="7" t="s">
        <v>119</v>
      </c>
      <c r="E7" s="8"/>
      <c r="F7" s="8"/>
      <c r="G7" s="8"/>
      <c r="H7" s="8"/>
      <c r="I7" s="8"/>
      <c r="J7" s="8"/>
      <c r="K7" s="8"/>
      <c r="M7" s="8"/>
      <c r="N7" s="8"/>
      <c r="O7" s="9"/>
    </row>
    <row r="8" spans="2:15" ht="7.5" customHeight="1" x14ac:dyDescent="0.15">
      <c r="B8" s="10"/>
      <c r="C8" s="11"/>
      <c r="D8" s="11"/>
      <c r="E8" s="12"/>
      <c r="F8" s="11"/>
      <c r="G8" s="11"/>
      <c r="H8" s="11"/>
      <c r="I8" s="11"/>
      <c r="J8" s="11"/>
      <c r="K8" s="11"/>
      <c r="L8" s="13"/>
      <c r="M8" s="11"/>
      <c r="N8" s="11"/>
      <c r="O8" s="14"/>
    </row>
    <row r="9" spans="2:15" ht="15.75" customHeight="1" x14ac:dyDescent="0.15">
      <c r="B9" s="15"/>
      <c r="E9" s="16" t="s">
        <v>120</v>
      </c>
      <c r="F9" s="112" t="s">
        <v>121</v>
      </c>
      <c r="G9" s="17"/>
      <c r="H9" s="18" t="s">
        <v>2</v>
      </c>
      <c r="I9" s="18"/>
      <c r="J9" s="113" t="s">
        <v>122</v>
      </c>
      <c r="K9" s="114"/>
      <c r="L9" s="114"/>
      <c r="M9" s="19" t="s">
        <v>123</v>
      </c>
      <c r="N9" s="20"/>
      <c r="O9" s="21"/>
    </row>
    <row r="10" spans="2:15" ht="14.25" customHeight="1" x14ac:dyDescent="0.15">
      <c r="B10" s="15"/>
      <c r="C10" s="7" t="s">
        <v>4</v>
      </c>
      <c r="D10" s="7" t="s">
        <v>124</v>
      </c>
      <c r="E10" s="22" t="s">
        <v>125</v>
      </c>
      <c r="F10" s="30" t="s">
        <v>126</v>
      </c>
      <c r="G10" s="22" t="s">
        <v>7</v>
      </c>
      <c r="H10" s="23" t="s">
        <v>127</v>
      </c>
      <c r="I10" s="24" t="s">
        <v>9</v>
      </c>
      <c r="J10" s="115" t="s">
        <v>128</v>
      </c>
      <c r="K10" s="115" t="s">
        <v>128</v>
      </c>
      <c r="L10" s="116" t="s">
        <v>7</v>
      </c>
      <c r="M10" s="25" t="s">
        <v>11</v>
      </c>
      <c r="N10" s="24" t="s">
        <v>12</v>
      </c>
      <c r="O10" s="26" t="s">
        <v>129</v>
      </c>
    </row>
    <row r="11" spans="2:15" ht="14.25" customHeight="1" x14ac:dyDescent="0.15">
      <c r="B11" s="15"/>
      <c r="C11" s="27"/>
      <c r="D11" s="28"/>
      <c r="E11" s="22"/>
      <c r="F11" s="30"/>
      <c r="G11" s="30" t="s">
        <v>14</v>
      </c>
      <c r="H11" s="31" t="s">
        <v>15</v>
      </c>
      <c r="I11" s="31" t="s">
        <v>16</v>
      </c>
      <c r="J11" s="117" t="s">
        <v>130</v>
      </c>
      <c r="K11" s="117" t="s">
        <v>131</v>
      </c>
      <c r="L11" s="24" t="s">
        <v>17</v>
      </c>
      <c r="M11" s="25" t="s">
        <v>132</v>
      </c>
      <c r="N11" s="32" t="s">
        <v>19</v>
      </c>
      <c r="O11" s="26"/>
    </row>
    <row r="12" spans="2:15" ht="7.5" customHeight="1" x14ac:dyDescent="0.15">
      <c r="B12" s="34"/>
      <c r="C12" s="35"/>
      <c r="D12" s="36"/>
      <c r="E12" s="37"/>
      <c r="F12" s="38"/>
      <c r="G12" s="37"/>
      <c r="H12" s="38"/>
      <c r="I12" s="39"/>
      <c r="J12" s="118"/>
      <c r="K12" s="118"/>
      <c r="L12" s="119"/>
      <c r="M12" s="40"/>
      <c r="N12" s="39"/>
      <c r="O12" s="120"/>
    </row>
    <row r="13" spans="2:15" ht="7.5" customHeight="1" x14ac:dyDescent="0.15">
      <c r="B13" s="10"/>
      <c r="C13" s="13"/>
      <c r="D13" s="13"/>
      <c r="E13" s="42"/>
      <c r="F13" s="11"/>
      <c r="G13" s="11"/>
      <c r="H13" s="11"/>
      <c r="I13" s="11"/>
      <c r="J13" s="11"/>
      <c r="K13" s="11"/>
      <c r="L13" s="13"/>
      <c r="M13" s="11"/>
      <c r="N13" s="11"/>
      <c r="O13" s="14"/>
    </row>
    <row r="14" spans="2:15" ht="14.25" customHeight="1" x14ac:dyDescent="0.15">
      <c r="B14" s="15"/>
      <c r="C14" s="7" t="s">
        <v>133</v>
      </c>
      <c r="D14" s="7" t="s">
        <v>28</v>
      </c>
      <c r="E14" s="43">
        <v>70</v>
      </c>
      <c r="F14" s="8">
        <v>56</v>
      </c>
      <c r="G14" s="44">
        <v>13</v>
      </c>
      <c r="H14" s="44">
        <v>13</v>
      </c>
      <c r="I14" s="44">
        <v>0</v>
      </c>
      <c r="J14" s="121" t="s">
        <v>134</v>
      </c>
      <c r="K14" s="121" t="s">
        <v>134</v>
      </c>
      <c r="L14" s="44">
        <v>13</v>
      </c>
      <c r="M14" s="44">
        <v>0</v>
      </c>
      <c r="N14" s="79">
        <v>1</v>
      </c>
      <c r="O14" s="45">
        <v>43</v>
      </c>
    </row>
    <row r="15" spans="2:15" ht="14.25" customHeight="1" x14ac:dyDescent="0.15">
      <c r="B15" s="15"/>
      <c r="C15" s="7" t="s">
        <v>135</v>
      </c>
      <c r="D15" s="7" t="s">
        <v>28</v>
      </c>
      <c r="E15" s="43">
        <v>70</v>
      </c>
      <c r="F15" s="8">
        <v>56</v>
      </c>
      <c r="G15" s="44">
        <v>11</v>
      </c>
      <c r="H15" s="44">
        <v>11</v>
      </c>
      <c r="I15" s="44">
        <v>0</v>
      </c>
      <c r="J15" s="121" t="s">
        <v>134</v>
      </c>
      <c r="K15" s="121" t="s">
        <v>134</v>
      </c>
      <c r="L15" s="44">
        <v>11</v>
      </c>
      <c r="M15" s="44">
        <v>0</v>
      </c>
      <c r="N15" s="79">
        <v>1</v>
      </c>
      <c r="O15" s="45">
        <v>45</v>
      </c>
    </row>
    <row r="16" spans="2:15" ht="14.25" customHeight="1" x14ac:dyDescent="0.15">
      <c r="B16" s="15"/>
      <c r="C16" s="7" t="s">
        <v>136</v>
      </c>
      <c r="D16" s="7" t="s">
        <v>28</v>
      </c>
      <c r="E16" s="43">
        <v>70</v>
      </c>
      <c r="F16" s="8">
        <v>56</v>
      </c>
      <c r="G16" s="44">
        <v>14</v>
      </c>
      <c r="H16" s="44">
        <v>14</v>
      </c>
      <c r="I16" s="44">
        <v>0</v>
      </c>
      <c r="J16" s="121" t="s">
        <v>134</v>
      </c>
      <c r="K16" s="121" t="s">
        <v>134</v>
      </c>
      <c r="L16" s="44">
        <v>13</v>
      </c>
      <c r="M16" s="44">
        <v>0</v>
      </c>
      <c r="N16" s="79">
        <v>1.08</v>
      </c>
      <c r="O16" s="45">
        <v>43</v>
      </c>
    </row>
    <row r="17" spans="2:15" ht="14.25" customHeight="1" x14ac:dyDescent="0.15">
      <c r="B17" s="15"/>
      <c r="C17" s="7" t="s">
        <v>137</v>
      </c>
      <c r="D17" s="7" t="s">
        <v>28</v>
      </c>
      <c r="E17" s="43">
        <v>70</v>
      </c>
      <c r="F17" s="8">
        <v>56</v>
      </c>
      <c r="G17" s="44">
        <v>5</v>
      </c>
      <c r="H17" s="44">
        <v>5</v>
      </c>
      <c r="I17" s="44">
        <v>0</v>
      </c>
      <c r="J17" s="121" t="s">
        <v>134</v>
      </c>
      <c r="K17" s="121" t="s">
        <v>134</v>
      </c>
      <c r="L17" s="44">
        <v>5</v>
      </c>
      <c r="M17" s="44">
        <v>0</v>
      </c>
      <c r="N17" s="79">
        <v>1</v>
      </c>
      <c r="O17" s="45">
        <v>51</v>
      </c>
    </row>
    <row r="18" spans="2:15" ht="21.75" customHeight="1" x14ac:dyDescent="0.15">
      <c r="B18" s="15"/>
      <c r="C18" s="7" t="s">
        <v>138</v>
      </c>
      <c r="D18" s="7" t="s">
        <v>28</v>
      </c>
      <c r="E18" s="43">
        <v>140</v>
      </c>
      <c r="F18" s="8">
        <v>112</v>
      </c>
      <c r="G18" s="44">
        <v>25</v>
      </c>
      <c r="H18" s="44">
        <v>24</v>
      </c>
      <c r="I18" s="44">
        <v>1</v>
      </c>
      <c r="J18" s="121" t="s">
        <v>134</v>
      </c>
      <c r="K18" s="121" t="s">
        <v>134</v>
      </c>
      <c r="L18" s="44">
        <v>25</v>
      </c>
      <c r="M18" s="44">
        <v>0</v>
      </c>
      <c r="N18" s="79">
        <v>1</v>
      </c>
      <c r="O18" s="45">
        <v>87</v>
      </c>
    </row>
    <row r="19" spans="2:15" ht="13.5" customHeight="1" x14ac:dyDescent="0.15">
      <c r="B19" s="15"/>
      <c r="C19" s="7" t="s">
        <v>139</v>
      </c>
      <c r="D19" s="7" t="s">
        <v>140</v>
      </c>
      <c r="E19" s="43">
        <v>132</v>
      </c>
      <c r="F19" s="8">
        <v>132</v>
      </c>
      <c r="G19" s="44">
        <v>101</v>
      </c>
      <c r="H19" s="44">
        <v>100</v>
      </c>
      <c r="I19" s="44">
        <v>1</v>
      </c>
      <c r="J19" s="44">
        <v>89</v>
      </c>
      <c r="K19" s="44">
        <v>10</v>
      </c>
      <c r="L19" s="44">
        <v>99</v>
      </c>
      <c r="M19" s="44">
        <v>1</v>
      </c>
      <c r="N19" s="79">
        <v>1.01</v>
      </c>
      <c r="O19" s="45">
        <v>33</v>
      </c>
    </row>
    <row r="20" spans="2:15" ht="13.5" customHeight="1" x14ac:dyDescent="0.15">
      <c r="B20" s="15"/>
      <c r="C20" s="7" t="s">
        <v>141</v>
      </c>
      <c r="D20" s="7" t="s">
        <v>28</v>
      </c>
      <c r="E20" s="43">
        <v>70</v>
      </c>
      <c r="F20" s="8">
        <v>56</v>
      </c>
      <c r="G20" s="44">
        <v>21</v>
      </c>
      <c r="H20" s="44">
        <v>21</v>
      </c>
      <c r="I20" s="44">
        <v>0</v>
      </c>
      <c r="J20" s="44">
        <v>21</v>
      </c>
      <c r="K20" s="44">
        <v>0</v>
      </c>
      <c r="L20" s="44">
        <v>21</v>
      </c>
      <c r="M20" s="44">
        <v>0</v>
      </c>
      <c r="N20" s="79">
        <v>1</v>
      </c>
      <c r="O20" s="45">
        <v>35</v>
      </c>
    </row>
    <row r="21" spans="2:15" ht="14.25" customHeight="1" x14ac:dyDescent="0.15">
      <c r="B21" s="15"/>
      <c r="C21" s="7" t="s">
        <v>142</v>
      </c>
      <c r="D21" s="7" t="s">
        <v>28</v>
      </c>
      <c r="E21" s="43">
        <v>70</v>
      </c>
      <c r="F21" s="8">
        <v>56</v>
      </c>
      <c r="G21" s="44">
        <v>9</v>
      </c>
      <c r="H21" s="44">
        <v>9</v>
      </c>
      <c r="I21" s="44">
        <v>0</v>
      </c>
      <c r="J21" s="44">
        <v>8</v>
      </c>
      <c r="K21" s="44">
        <v>1</v>
      </c>
      <c r="L21" s="44">
        <v>9</v>
      </c>
      <c r="M21" s="44">
        <v>0</v>
      </c>
      <c r="N21" s="79">
        <v>1</v>
      </c>
      <c r="O21" s="45">
        <v>47</v>
      </c>
    </row>
    <row r="22" spans="2:15" ht="7.5" customHeight="1" x14ac:dyDescent="0.15">
      <c r="B22" s="15"/>
      <c r="C22" s="55"/>
      <c r="D22" s="55"/>
      <c r="E22" s="43"/>
      <c r="F22" s="8"/>
      <c r="G22" s="8"/>
      <c r="H22" s="8"/>
      <c r="I22" s="8"/>
      <c r="J22" s="8"/>
      <c r="K22" s="8"/>
      <c r="L22" s="44"/>
      <c r="M22" s="122"/>
      <c r="N22" s="123"/>
      <c r="O22" s="45"/>
    </row>
    <row r="23" spans="2:15" ht="7.5" customHeight="1" x14ac:dyDescent="0.15">
      <c r="B23" s="57"/>
      <c r="C23" s="58"/>
      <c r="D23" s="58"/>
      <c r="E23" s="59"/>
      <c r="F23" s="60"/>
      <c r="G23" s="60"/>
      <c r="H23" s="60"/>
      <c r="I23" s="60"/>
      <c r="J23" s="60"/>
      <c r="K23" s="60"/>
      <c r="L23" s="61"/>
      <c r="M23" s="124"/>
      <c r="N23" s="125"/>
      <c r="O23" s="63"/>
    </row>
    <row r="24" spans="2:15" s="54" customFormat="1" ht="14.25" customHeight="1" x14ac:dyDescent="0.15">
      <c r="B24" s="126"/>
      <c r="C24" s="419" t="s">
        <v>37</v>
      </c>
      <c r="D24" s="420"/>
      <c r="E24" s="49">
        <v>692</v>
      </c>
      <c r="F24" s="50">
        <v>580</v>
      </c>
      <c r="G24" s="50">
        <v>199</v>
      </c>
      <c r="H24" s="50">
        <v>197</v>
      </c>
      <c r="I24" s="50">
        <v>2</v>
      </c>
      <c r="J24" s="121" t="s">
        <v>143</v>
      </c>
      <c r="K24" s="121" t="s">
        <v>143</v>
      </c>
      <c r="L24" s="50">
        <v>196</v>
      </c>
      <c r="M24" s="50">
        <v>1</v>
      </c>
      <c r="N24" s="127">
        <v>1.01</v>
      </c>
      <c r="O24" s="53">
        <v>384</v>
      </c>
    </row>
    <row r="25" spans="2:15" ht="7.5" customHeight="1" x14ac:dyDescent="0.15">
      <c r="B25" s="34"/>
      <c r="C25" s="64"/>
      <c r="D25" s="64"/>
      <c r="E25" s="65"/>
      <c r="F25" s="66"/>
      <c r="G25" s="66"/>
      <c r="H25" s="66"/>
      <c r="I25" s="66"/>
      <c r="J25" s="66"/>
      <c r="K25" s="66"/>
      <c r="L25" s="67"/>
      <c r="M25" s="66"/>
      <c r="N25" s="66"/>
      <c r="O25" s="68"/>
    </row>
    <row r="26" spans="2:15" ht="8.25" customHeight="1" x14ac:dyDescent="0.15">
      <c r="D26" s="55"/>
      <c r="E26" s="8"/>
      <c r="F26" s="8"/>
      <c r="G26" s="8"/>
      <c r="H26" s="8"/>
      <c r="I26" s="8"/>
      <c r="J26" s="8"/>
      <c r="K26" s="8"/>
      <c r="L26" s="44"/>
      <c r="M26" s="8"/>
      <c r="N26" s="8"/>
      <c r="O26" s="9"/>
    </row>
    <row r="27" spans="2:15" ht="8.25" customHeight="1" x14ac:dyDescent="0.15">
      <c r="E27" s="8"/>
      <c r="F27" s="8"/>
      <c r="G27" s="8"/>
      <c r="H27" s="8"/>
      <c r="I27" s="8"/>
      <c r="J27" s="8"/>
      <c r="K27" s="8"/>
      <c r="M27" s="8"/>
      <c r="N27" s="8"/>
      <c r="O27" s="9"/>
    </row>
    <row r="28" spans="2:15" x14ac:dyDescent="0.15">
      <c r="B28" s="7" t="s">
        <v>144</v>
      </c>
      <c r="E28" s="8"/>
      <c r="F28" s="8"/>
      <c r="G28" s="8"/>
      <c r="H28" s="8"/>
      <c r="I28" s="8"/>
      <c r="J28" s="8"/>
      <c r="K28" s="8"/>
      <c r="M28" s="8"/>
      <c r="N28" s="8"/>
      <c r="O28" s="9"/>
    </row>
    <row r="29" spans="2:15" ht="7.5" customHeight="1" x14ac:dyDescent="0.15">
      <c r="B29" s="10"/>
      <c r="C29" s="11"/>
      <c r="D29" s="11"/>
      <c r="E29" s="12"/>
      <c r="F29" s="11"/>
      <c r="G29" s="11"/>
      <c r="H29" s="11"/>
      <c r="I29" s="11"/>
      <c r="J29" s="11"/>
      <c r="K29" s="11"/>
      <c r="L29" s="13"/>
      <c r="M29" s="11"/>
      <c r="N29" s="11"/>
      <c r="O29" s="14"/>
    </row>
    <row r="30" spans="2:15" ht="15.75" customHeight="1" x14ac:dyDescent="0.15">
      <c r="B30" s="15"/>
      <c r="E30" s="16" t="s">
        <v>120</v>
      </c>
      <c r="F30" s="112" t="s">
        <v>121</v>
      </c>
      <c r="G30" s="17"/>
      <c r="H30" s="18" t="s">
        <v>2</v>
      </c>
      <c r="I30" s="18"/>
      <c r="J30" s="20" t="s">
        <v>121</v>
      </c>
      <c r="K30" s="116"/>
      <c r="L30" s="116"/>
      <c r="M30" s="19" t="s">
        <v>123</v>
      </c>
      <c r="N30" s="20"/>
      <c r="O30" s="21"/>
    </row>
    <row r="31" spans="2:15" ht="14.25" customHeight="1" x14ac:dyDescent="0.15">
      <c r="B31" s="15"/>
      <c r="C31" s="7" t="s">
        <v>4</v>
      </c>
      <c r="D31" s="7" t="s">
        <v>40</v>
      </c>
      <c r="E31" s="22" t="s">
        <v>125</v>
      </c>
      <c r="F31" s="30" t="s">
        <v>126</v>
      </c>
      <c r="G31" s="22" t="s">
        <v>7</v>
      </c>
      <c r="H31" s="23" t="s">
        <v>127</v>
      </c>
      <c r="I31" s="24" t="s">
        <v>9</v>
      </c>
      <c r="J31" s="128" t="s">
        <v>10</v>
      </c>
      <c r="K31" s="29"/>
      <c r="L31" s="29"/>
      <c r="M31" s="25" t="s">
        <v>11</v>
      </c>
      <c r="N31" s="24" t="s">
        <v>12</v>
      </c>
      <c r="O31" s="26" t="s">
        <v>129</v>
      </c>
    </row>
    <row r="32" spans="2:15" ht="14.25" customHeight="1" x14ac:dyDescent="0.15">
      <c r="B32" s="15"/>
      <c r="C32" s="27"/>
      <c r="D32" s="28"/>
      <c r="E32" s="22"/>
      <c r="F32" s="30"/>
      <c r="G32" s="30" t="s">
        <v>14</v>
      </c>
      <c r="H32" s="31" t="s">
        <v>15</v>
      </c>
      <c r="I32" s="31" t="s">
        <v>16</v>
      </c>
      <c r="J32" s="128" t="s">
        <v>145</v>
      </c>
      <c r="K32" s="129"/>
      <c r="L32" s="130"/>
      <c r="M32" s="25" t="s">
        <v>132</v>
      </c>
      <c r="N32" s="32" t="s">
        <v>19</v>
      </c>
      <c r="O32" s="26"/>
    </row>
    <row r="33" spans="2:15" ht="7.5" customHeight="1" x14ac:dyDescent="0.15">
      <c r="B33" s="34"/>
      <c r="C33" s="35"/>
      <c r="D33" s="36"/>
      <c r="E33" s="37"/>
      <c r="F33" s="38"/>
      <c r="G33" s="37"/>
      <c r="H33" s="38"/>
      <c r="I33" s="39"/>
      <c r="J33" s="131"/>
      <c r="K33" s="132"/>
      <c r="L33" s="133"/>
      <c r="M33" s="40"/>
      <c r="N33" s="39"/>
      <c r="O33" s="120"/>
    </row>
    <row r="34" spans="2:15" ht="7.5" customHeight="1" x14ac:dyDescent="0.15">
      <c r="B34" s="10"/>
      <c r="C34" s="27"/>
      <c r="D34" s="27"/>
      <c r="E34" s="42"/>
      <c r="L34" s="27"/>
      <c r="O34" s="72"/>
    </row>
    <row r="35" spans="2:15" ht="12.75" customHeight="1" x14ac:dyDescent="0.15">
      <c r="B35" s="15"/>
      <c r="C35" s="7" t="s">
        <v>146</v>
      </c>
      <c r="D35" s="7" t="s">
        <v>147</v>
      </c>
      <c r="E35" s="43">
        <v>35</v>
      </c>
      <c r="F35" s="8">
        <v>28</v>
      </c>
      <c r="G35" s="44">
        <v>2</v>
      </c>
      <c r="H35" s="44">
        <v>2</v>
      </c>
      <c r="I35" s="44">
        <v>0</v>
      </c>
      <c r="J35" s="121"/>
      <c r="K35" s="121"/>
      <c r="L35" s="44">
        <v>2</v>
      </c>
      <c r="M35" s="44">
        <v>0</v>
      </c>
      <c r="N35" s="79">
        <v>1</v>
      </c>
      <c r="O35" s="45">
        <v>26</v>
      </c>
    </row>
    <row r="36" spans="2:15" ht="21.75" customHeight="1" x14ac:dyDescent="0.15">
      <c r="B36" s="15"/>
      <c r="C36" s="7" t="s">
        <v>148</v>
      </c>
      <c r="D36" s="7" t="s">
        <v>149</v>
      </c>
      <c r="E36" s="43">
        <v>35</v>
      </c>
      <c r="F36" s="8">
        <v>28</v>
      </c>
      <c r="G36" s="44">
        <v>14</v>
      </c>
      <c r="H36" s="44">
        <v>14</v>
      </c>
      <c r="I36" s="44">
        <v>0</v>
      </c>
      <c r="J36" s="121"/>
      <c r="K36" s="121"/>
      <c r="L36" s="44">
        <v>14</v>
      </c>
      <c r="M36" s="44">
        <v>0</v>
      </c>
      <c r="N36" s="79">
        <v>1</v>
      </c>
      <c r="O36" s="45">
        <v>14</v>
      </c>
    </row>
    <row r="37" spans="2:15" ht="7.5" customHeight="1" x14ac:dyDescent="0.15">
      <c r="B37" s="15"/>
      <c r="C37" s="55"/>
      <c r="D37" s="55"/>
      <c r="E37" s="43"/>
      <c r="F37" s="8"/>
      <c r="G37" s="8"/>
      <c r="H37" s="8"/>
      <c r="I37" s="8"/>
      <c r="J37" s="8"/>
      <c r="K37" s="8"/>
      <c r="L37" s="44"/>
      <c r="M37" s="134"/>
      <c r="N37" s="9"/>
      <c r="O37" s="135"/>
    </row>
    <row r="38" spans="2:15" ht="7.5" customHeight="1" x14ac:dyDescent="0.15">
      <c r="B38" s="57"/>
      <c r="C38" s="58"/>
      <c r="D38" s="58"/>
      <c r="E38" s="59"/>
      <c r="F38" s="60"/>
      <c r="G38" s="60"/>
      <c r="H38" s="60"/>
      <c r="I38" s="60"/>
      <c r="J38" s="60"/>
      <c r="K38" s="60"/>
      <c r="L38" s="61"/>
      <c r="M38" s="136"/>
      <c r="N38" s="137"/>
      <c r="O38" s="138"/>
    </row>
    <row r="39" spans="2:15" s="54" customFormat="1" x14ac:dyDescent="0.15">
      <c r="B39" s="126"/>
      <c r="C39" s="419" t="s">
        <v>37</v>
      </c>
      <c r="D39" s="420"/>
      <c r="E39" s="49">
        <v>70</v>
      </c>
      <c r="F39" s="50">
        <v>56</v>
      </c>
      <c r="G39" s="50">
        <v>16</v>
      </c>
      <c r="H39" s="50">
        <v>16</v>
      </c>
      <c r="I39" s="50">
        <v>0</v>
      </c>
      <c r="J39" s="121"/>
      <c r="K39" s="121"/>
      <c r="L39" s="50">
        <v>16</v>
      </c>
      <c r="M39" s="50">
        <v>0</v>
      </c>
      <c r="N39" s="127">
        <v>1</v>
      </c>
      <c r="O39" s="53">
        <v>40</v>
      </c>
    </row>
    <row r="40" spans="2:15" ht="7.5" customHeight="1" x14ac:dyDescent="0.15">
      <c r="B40" s="34"/>
      <c r="C40" s="64"/>
      <c r="D40" s="64"/>
      <c r="E40" s="65"/>
      <c r="F40" s="66"/>
      <c r="G40" s="66"/>
      <c r="H40" s="66"/>
      <c r="I40" s="66"/>
      <c r="J40" s="66"/>
      <c r="K40" s="66"/>
      <c r="L40" s="67"/>
      <c r="M40" s="66"/>
      <c r="N40" s="66"/>
      <c r="O40" s="68"/>
    </row>
    <row r="41" spans="2:15" ht="12.6" customHeight="1" x14ac:dyDescent="0.15">
      <c r="B41" s="101"/>
      <c r="C41" s="55"/>
      <c r="D41" s="55"/>
      <c r="E41" s="8"/>
      <c r="F41" s="8"/>
      <c r="G41" s="8"/>
      <c r="H41" s="8"/>
      <c r="I41" s="8"/>
      <c r="J41" s="8"/>
      <c r="K41" s="8"/>
      <c r="L41" s="44"/>
      <c r="M41" s="8"/>
      <c r="N41" s="8"/>
      <c r="O41" s="9"/>
    </row>
    <row r="42" spans="2:15" ht="7.5" customHeight="1" x14ac:dyDescent="0.15">
      <c r="E42" s="8"/>
      <c r="F42" s="8"/>
      <c r="G42" s="8"/>
      <c r="H42" s="8"/>
      <c r="I42" s="8"/>
      <c r="J42" s="8"/>
      <c r="K42" s="8"/>
      <c r="M42" s="8"/>
      <c r="N42" s="8"/>
      <c r="O42" s="9"/>
    </row>
    <row r="43" spans="2:15" x14ac:dyDescent="0.15">
      <c r="B43" s="7" t="s">
        <v>150</v>
      </c>
      <c r="E43" s="8"/>
      <c r="F43" s="8"/>
      <c r="G43" s="8"/>
      <c r="H43" s="8"/>
      <c r="I43" s="8"/>
      <c r="J43" s="8"/>
      <c r="K43" s="8"/>
      <c r="M43" s="8"/>
      <c r="N43" s="8"/>
      <c r="O43" s="9"/>
    </row>
    <row r="44" spans="2:15" ht="7.5" customHeight="1" x14ac:dyDescent="0.15">
      <c r="B44" s="10"/>
      <c r="C44" s="11"/>
      <c r="D44" s="11"/>
      <c r="E44" s="12"/>
      <c r="F44" s="11"/>
      <c r="G44" s="11"/>
      <c r="H44" s="11"/>
      <c r="I44" s="11"/>
      <c r="J44" s="11"/>
      <c r="K44" s="11"/>
      <c r="L44" s="13"/>
      <c r="M44" s="11"/>
      <c r="N44" s="11"/>
      <c r="O44" s="14"/>
    </row>
    <row r="45" spans="2:15" ht="15.75" customHeight="1" x14ac:dyDescent="0.15">
      <c r="B45" s="15"/>
      <c r="E45" s="16" t="s">
        <v>120</v>
      </c>
      <c r="F45" s="112" t="s">
        <v>121</v>
      </c>
      <c r="G45" s="17"/>
      <c r="H45" s="18" t="s">
        <v>2</v>
      </c>
      <c r="I45" s="18"/>
      <c r="J45" s="20" t="s">
        <v>121</v>
      </c>
      <c r="K45" s="116"/>
      <c r="L45" s="116"/>
      <c r="M45" s="19" t="s">
        <v>123</v>
      </c>
      <c r="N45" s="20"/>
      <c r="O45" s="21"/>
    </row>
    <row r="46" spans="2:15" ht="14.25" customHeight="1" x14ac:dyDescent="0.15">
      <c r="B46" s="15"/>
      <c r="C46" s="7" t="s">
        <v>4</v>
      </c>
      <c r="D46" s="7" t="s">
        <v>40</v>
      </c>
      <c r="E46" s="22" t="s">
        <v>125</v>
      </c>
      <c r="F46" s="30" t="s">
        <v>126</v>
      </c>
      <c r="G46" s="22" t="s">
        <v>7</v>
      </c>
      <c r="H46" s="23" t="s">
        <v>127</v>
      </c>
      <c r="I46" s="24" t="s">
        <v>9</v>
      </c>
      <c r="J46" s="128" t="s">
        <v>10</v>
      </c>
      <c r="K46" s="29"/>
      <c r="L46" s="29"/>
      <c r="M46" s="25" t="s">
        <v>11</v>
      </c>
      <c r="N46" s="24" t="s">
        <v>12</v>
      </c>
      <c r="O46" s="26" t="s">
        <v>129</v>
      </c>
    </row>
    <row r="47" spans="2:15" ht="14.25" customHeight="1" x14ac:dyDescent="0.15">
      <c r="B47" s="15"/>
      <c r="C47" s="27"/>
      <c r="D47" s="28"/>
      <c r="E47" s="22"/>
      <c r="F47" s="30"/>
      <c r="G47" s="30" t="s">
        <v>14</v>
      </c>
      <c r="H47" s="31" t="s">
        <v>15</v>
      </c>
      <c r="I47" s="31" t="s">
        <v>16</v>
      </c>
      <c r="J47" s="128" t="s">
        <v>145</v>
      </c>
      <c r="K47" s="129"/>
      <c r="L47" s="130"/>
      <c r="M47" s="25" t="s">
        <v>132</v>
      </c>
      <c r="N47" s="32" t="s">
        <v>19</v>
      </c>
      <c r="O47" s="26"/>
    </row>
    <row r="48" spans="2:15" ht="7.5" customHeight="1" x14ac:dyDescent="0.15">
      <c r="B48" s="34"/>
      <c r="C48" s="35"/>
      <c r="D48" s="36"/>
      <c r="E48" s="37"/>
      <c r="F48" s="38"/>
      <c r="G48" s="37"/>
      <c r="H48" s="38"/>
      <c r="I48" s="39"/>
      <c r="J48" s="131"/>
      <c r="K48" s="132"/>
      <c r="L48" s="133"/>
      <c r="M48" s="40"/>
      <c r="N48" s="39"/>
      <c r="O48" s="120"/>
    </row>
    <row r="49" spans="2:15" ht="7.5" customHeight="1" x14ac:dyDescent="0.15">
      <c r="B49" s="10"/>
      <c r="C49" s="27"/>
      <c r="D49" s="27"/>
      <c r="E49" s="42"/>
      <c r="L49" s="27"/>
      <c r="O49" s="72"/>
    </row>
    <row r="50" spans="2:15" x14ac:dyDescent="0.15">
      <c r="B50" s="15"/>
      <c r="C50" s="7" t="s">
        <v>148</v>
      </c>
      <c r="D50" s="7" t="s">
        <v>151</v>
      </c>
      <c r="E50" s="43">
        <v>35</v>
      </c>
      <c r="F50" s="8">
        <v>28</v>
      </c>
      <c r="G50" s="44">
        <v>5</v>
      </c>
      <c r="H50" s="44">
        <v>5</v>
      </c>
      <c r="I50" s="44">
        <v>0</v>
      </c>
      <c r="J50" s="121"/>
      <c r="K50" s="121"/>
      <c r="L50" s="44">
        <v>5</v>
      </c>
      <c r="M50" s="44">
        <v>0</v>
      </c>
      <c r="N50" s="79">
        <v>1</v>
      </c>
      <c r="O50" s="45">
        <v>23</v>
      </c>
    </row>
    <row r="51" spans="2:15" ht="7.5" customHeight="1" x14ac:dyDescent="0.15">
      <c r="B51" s="34"/>
      <c r="C51" s="64"/>
      <c r="D51" s="64"/>
      <c r="E51" s="65"/>
      <c r="F51" s="66"/>
      <c r="G51" s="66"/>
      <c r="H51" s="66"/>
      <c r="I51" s="66"/>
      <c r="J51" s="66"/>
      <c r="K51" s="66"/>
      <c r="L51" s="67"/>
      <c r="M51" s="66"/>
      <c r="N51" s="66"/>
      <c r="O51" s="68"/>
    </row>
    <row r="52" spans="2:15" x14ac:dyDescent="0.15">
      <c r="E52" s="8"/>
      <c r="F52" s="8"/>
      <c r="G52" s="8"/>
      <c r="H52" s="8"/>
      <c r="I52" s="8"/>
      <c r="J52" s="8"/>
      <c r="K52" s="8"/>
      <c r="M52" s="8"/>
      <c r="N52" s="8"/>
      <c r="O52" s="9"/>
    </row>
    <row r="53" spans="2:15" x14ac:dyDescent="0.15">
      <c r="E53" s="8"/>
      <c r="F53" s="8"/>
      <c r="G53" s="8"/>
      <c r="H53" s="8"/>
      <c r="I53" s="8"/>
      <c r="J53" s="8"/>
      <c r="K53" s="8"/>
      <c r="M53" s="8"/>
      <c r="N53" s="8"/>
      <c r="O53" s="9"/>
    </row>
    <row r="54" spans="2:15" x14ac:dyDescent="0.15">
      <c r="B54" s="7" t="s">
        <v>152</v>
      </c>
      <c r="E54" s="8"/>
      <c r="F54" s="8"/>
      <c r="G54" s="8"/>
      <c r="H54" s="8"/>
      <c r="I54" s="8"/>
      <c r="J54" s="8"/>
      <c r="K54" s="8"/>
      <c r="M54" s="8"/>
      <c r="N54" s="8"/>
      <c r="O54" s="9"/>
    </row>
    <row r="55" spans="2:15" ht="7.5" customHeight="1" x14ac:dyDescent="0.15">
      <c r="B55" s="10"/>
      <c r="C55" s="11"/>
      <c r="D55" s="11"/>
      <c r="E55" s="12"/>
      <c r="F55" s="11"/>
      <c r="G55" s="11"/>
      <c r="H55" s="11"/>
      <c r="I55" s="11"/>
      <c r="J55" s="11"/>
      <c r="K55" s="11"/>
      <c r="L55" s="13"/>
      <c r="M55" s="11"/>
      <c r="N55" s="11"/>
      <c r="O55" s="14"/>
    </row>
    <row r="56" spans="2:15" ht="15.75" customHeight="1" x14ac:dyDescent="0.15">
      <c r="B56" s="15"/>
      <c r="E56" s="16" t="s">
        <v>120</v>
      </c>
      <c r="F56" s="112" t="s">
        <v>121</v>
      </c>
      <c r="G56" s="17"/>
      <c r="H56" s="18" t="s">
        <v>2</v>
      </c>
      <c r="I56" s="18"/>
      <c r="J56" s="20" t="s">
        <v>121</v>
      </c>
      <c r="K56" s="116"/>
      <c r="L56" s="116"/>
      <c r="M56" s="19" t="s">
        <v>123</v>
      </c>
      <c r="N56" s="20"/>
      <c r="O56" s="21"/>
    </row>
    <row r="57" spans="2:15" ht="14.25" customHeight="1" x14ac:dyDescent="0.15">
      <c r="B57" s="15"/>
      <c r="C57" s="7" t="s">
        <v>4</v>
      </c>
      <c r="D57" s="7" t="s">
        <v>69</v>
      </c>
      <c r="E57" s="22" t="s">
        <v>125</v>
      </c>
      <c r="F57" s="30" t="s">
        <v>126</v>
      </c>
      <c r="G57" s="22" t="s">
        <v>7</v>
      </c>
      <c r="H57" s="23" t="s">
        <v>127</v>
      </c>
      <c r="I57" s="24" t="s">
        <v>9</v>
      </c>
      <c r="J57" s="128" t="s">
        <v>10</v>
      </c>
      <c r="K57" s="29"/>
      <c r="L57" s="29"/>
      <c r="M57" s="25" t="s">
        <v>11</v>
      </c>
      <c r="N57" s="24" t="s">
        <v>12</v>
      </c>
      <c r="O57" s="26" t="s">
        <v>129</v>
      </c>
    </row>
    <row r="58" spans="2:15" ht="14.25" customHeight="1" x14ac:dyDescent="0.15">
      <c r="B58" s="15"/>
      <c r="C58" s="27"/>
      <c r="D58" s="28"/>
      <c r="E58" s="22"/>
      <c r="F58" s="30"/>
      <c r="G58" s="30" t="s">
        <v>14</v>
      </c>
      <c r="H58" s="31" t="s">
        <v>15</v>
      </c>
      <c r="I58" s="31" t="s">
        <v>16</v>
      </c>
      <c r="J58" s="128" t="s">
        <v>145</v>
      </c>
      <c r="K58" s="129"/>
      <c r="L58" s="130"/>
      <c r="M58" s="25" t="s">
        <v>132</v>
      </c>
      <c r="N58" s="32" t="s">
        <v>19</v>
      </c>
      <c r="O58" s="26"/>
    </row>
    <row r="59" spans="2:15" ht="7.5" customHeight="1" x14ac:dyDescent="0.15">
      <c r="B59" s="34"/>
      <c r="C59" s="35"/>
      <c r="D59" s="36"/>
      <c r="E59" s="37"/>
      <c r="F59" s="38"/>
      <c r="G59" s="37"/>
      <c r="H59" s="38"/>
      <c r="I59" s="39"/>
      <c r="J59" s="131"/>
      <c r="K59" s="132"/>
      <c r="L59" s="133"/>
      <c r="M59" s="40"/>
      <c r="N59" s="39"/>
      <c r="O59" s="120"/>
    </row>
    <row r="60" spans="2:15" ht="7.5" customHeight="1" x14ac:dyDescent="0.15">
      <c r="B60" s="10"/>
      <c r="C60" s="27"/>
      <c r="D60" s="27"/>
      <c r="E60" s="42"/>
      <c r="L60" s="27"/>
      <c r="O60" s="72"/>
    </row>
    <row r="61" spans="2:15" ht="12.75" customHeight="1" x14ac:dyDescent="0.15">
      <c r="B61" s="15"/>
      <c r="C61" s="93" t="s">
        <v>153</v>
      </c>
      <c r="D61" s="93" t="s">
        <v>154</v>
      </c>
      <c r="E61" s="43">
        <v>70</v>
      </c>
      <c r="F61" s="8">
        <v>56</v>
      </c>
      <c r="G61" s="44">
        <v>14</v>
      </c>
      <c r="H61" s="44">
        <v>14</v>
      </c>
      <c r="I61" s="44">
        <v>0</v>
      </c>
      <c r="J61" s="121"/>
      <c r="K61" s="121"/>
      <c r="L61" s="44">
        <v>14</v>
      </c>
      <c r="M61" s="44">
        <v>0</v>
      </c>
      <c r="N61" s="79">
        <v>1</v>
      </c>
      <c r="O61" s="45">
        <v>42</v>
      </c>
    </row>
    <row r="62" spans="2:15" ht="24" customHeight="1" x14ac:dyDescent="0.15">
      <c r="B62" s="15"/>
      <c r="C62" s="7" t="s">
        <v>155</v>
      </c>
      <c r="D62" s="7" t="s">
        <v>156</v>
      </c>
      <c r="E62" s="43">
        <v>125</v>
      </c>
      <c r="F62" s="8">
        <v>125</v>
      </c>
      <c r="G62" s="44">
        <v>122</v>
      </c>
      <c r="H62" s="44">
        <v>122</v>
      </c>
      <c r="I62" s="44">
        <v>0</v>
      </c>
      <c r="J62" s="121"/>
      <c r="K62" s="121"/>
      <c r="L62" s="44">
        <v>122</v>
      </c>
      <c r="M62" s="44">
        <v>0</v>
      </c>
      <c r="N62" s="79">
        <v>1</v>
      </c>
      <c r="O62" s="45">
        <v>3</v>
      </c>
    </row>
    <row r="63" spans="2:15" x14ac:dyDescent="0.15">
      <c r="B63" s="15"/>
      <c r="C63" s="111" t="s">
        <v>47</v>
      </c>
      <c r="D63" s="7" t="s">
        <v>157</v>
      </c>
      <c r="E63" s="43">
        <v>125</v>
      </c>
      <c r="F63" s="8">
        <v>125</v>
      </c>
      <c r="G63" s="44">
        <v>54</v>
      </c>
      <c r="H63" s="44">
        <v>54</v>
      </c>
      <c r="I63" s="44">
        <v>0</v>
      </c>
      <c r="J63" s="121"/>
      <c r="K63" s="121"/>
      <c r="L63" s="44">
        <v>53</v>
      </c>
      <c r="M63" s="44">
        <v>1</v>
      </c>
      <c r="N63" s="79">
        <v>1</v>
      </c>
      <c r="O63" s="45">
        <v>72</v>
      </c>
    </row>
    <row r="64" spans="2:15" x14ac:dyDescent="0.15">
      <c r="B64" s="15"/>
      <c r="C64" s="27"/>
      <c r="D64" s="54" t="s">
        <v>26</v>
      </c>
      <c r="E64" s="49">
        <v>250</v>
      </c>
      <c r="F64" s="50">
        <v>250</v>
      </c>
      <c r="G64" s="50">
        <v>176</v>
      </c>
      <c r="H64" s="50">
        <v>176</v>
      </c>
      <c r="I64" s="50">
        <v>0</v>
      </c>
      <c r="J64" s="121"/>
      <c r="K64" s="121"/>
      <c r="L64" s="50">
        <v>175</v>
      </c>
      <c r="M64" s="50">
        <v>1</v>
      </c>
      <c r="N64" s="127">
        <v>1</v>
      </c>
      <c r="O64" s="53">
        <v>75</v>
      </c>
    </row>
    <row r="65" spans="2:15" ht="21.75" customHeight="1" x14ac:dyDescent="0.15">
      <c r="B65" s="15"/>
      <c r="C65" s="7" t="s">
        <v>158</v>
      </c>
      <c r="D65" s="7" t="s">
        <v>119</v>
      </c>
      <c r="E65" s="43">
        <v>70</v>
      </c>
      <c r="F65" s="8">
        <v>70</v>
      </c>
      <c r="G65" s="44">
        <v>54</v>
      </c>
      <c r="H65" s="44">
        <v>54</v>
      </c>
      <c r="I65" s="44">
        <v>0</v>
      </c>
      <c r="J65" s="121"/>
      <c r="K65" s="121"/>
      <c r="L65" s="44">
        <v>53</v>
      </c>
      <c r="M65" s="44">
        <v>1</v>
      </c>
      <c r="N65" s="79">
        <v>1</v>
      </c>
      <c r="O65" s="45">
        <v>17</v>
      </c>
    </row>
    <row r="66" spans="2:15" ht="14.1" customHeight="1" x14ac:dyDescent="0.15">
      <c r="B66" s="15"/>
      <c r="C66" s="7" t="s">
        <v>159</v>
      </c>
      <c r="D66" s="7" t="s">
        <v>119</v>
      </c>
      <c r="E66" s="43">
        <v>70</v>
      </c>
      <c r="F66" s="8">
        <v>56</v>
      </c>
      <c r="G66" s="44">
        <v>28</v>
      </c>
      <c r="H66" s="44">
        <v>27</v>
      </c>
      <c r="I66" s="44">
        <v>1</v>
      </c>
      <c r="J66" s="121"/>
      <c r="K66" s="121"/>
      <c r="L66" s="44">
        <v>28</v>
      </c>
      <c r="M66" s="44">
        <v>0</v>
      </c>
      <c r="N66" s="79">
        <v>1</v>
      </c>
      <c r="O66" s="45">
        <v>28</v>
      </c>
    </row>
    <row r="67" spans="2:15" ht="14.1" customHeight="1" x14ac:dyDescent="0.15">
      <c r="B67" s="15"/>
      <c r="C67" s="7" t="s">
        <v>160</v>
      </c>
      <c r="D67" s="7" t="s">
        <v>161</v>
      </c>
      <c r="E67" s="43">
        <v>70</v>
      </c>
      <c r="F67" s="8">
        <v>56</v>
      </c>
      <c r="G67" s="44">
        <v>34</v>
      </c>
      <c r="H67" s="44">
        <v>34</v>
      </c>
      <c r="I67" s="44">
        <v>0</v>
      </c>
      <c r="J67" s="121"/>
      <c r="K67" s="121"/>
      <c r="L67" s="44">
        <v>34</v>
      </c>
      <c r="M67" s="44">
        <v>0</v>
      </c>
      <c r="N67" s="79">
        <v>1</v>
      </c>
      <c r="O67" s="45">
        <v>22</v>
      </c>
    </row>
    <row r="68" spans="2:15" ht="14.1" customHeight="1" x14ac:dyDescent="0.15">
      <c r="B68" s="15"/>
      <c r="C68" s="7" t="s">
        <v>162</v>
      </c>
      <c r="D68" s="7" t="s">
        <v>119</v>
      </c>
      <c r="E68" s="43">
        <v>70</v>
      </c>
      <c r="F68" s="8">
        <v>56</v>
      </c>
      <c r="G68" s="44">
        <v>22</v>
      </c>
      <c r="H68" s="44">
        <v>22</v>
      </c>
      <c r="I68" s="44">
        <v>0</v>
      </c>
      <c r="J68" s="121"/>
      <c r="K68" s="121"/>
      <c r="L68" s="44">
        <v>22</v>
      </c>
      <c r="M68" s="44">
        <v>0</v>
      </c>
      <c r="N68" s="79">
        <v>1</v>
      </c>
      <c r="O68" s="45">
        <v>34</v>
      </c>
    </row>
    <row r="69" spans="2:15" ht="14.1" customHeight="1" x14ac:dyDescent="0.15">
      <c r="B69" s="15"/>
      <c r="C69" s="7" t="s">
        <v>107</v>
      </c>
      <c r="D69" s="7" t="s">
        <v>119</v>
      </c>
      <c r="E69" s="43">
        <v>105</v>
      </c>
      <c r="F69" s="8">
        <v>105</v>
      </c>
      <c r="G69" s="44">
        <v>53</v>
      </c>
      <c r="H69" s="44">
        <v>53</v>
      </c>
      <c r="I69" s="44">
        <v>0</v>
      </c>
      <c r="J69" s="121"/>
      <c r="K69" s="121"/>
      <c r="L69" s="44">
        <v>52</v>
      </c>
      <c r="M69" s="44">
        <v>1</v>
      </c>
      <c r="N69" s="79">
        <v>1</v>
      </c>
      <c r="O69" s="45">
        <v>53</v>
      </c>
    </row>
    <row r="70" spans="2:15" s="111" customFormat="1" ht="19.5" customHeight="1" x14ac:dyDescent="0.15">
      <c r="B70" s="139"/>
      <c r="C70" s="111" t="s">
        <v>163</v>
      </c>
      <c r="D70" s="111" t="s">
        <v>164</v>
      </c>
      <c r="E70" s="43">
        <v>125</v>
      </c>
      <c r="F70" s="8">
        <v>125</v>
      </c>
      <c r="G70" s="44">
        <v>88</v>
      </c>
      <c r="H70" s="44">
        <v>88</v>
      </c>
      <c r="I70" s="44">
        <v>0</v>
      </c>
      <c r="J70" s="121"/>
      <c r="K70" s="121"/>
      <c r="L70" s="44">
        <v>87</v>
      </c>
      <c r="M70" s="44">
        <v>1</v>
      </c>
      <c r="N70" s="79">
        <v>1</v>
      </c>
      <c r="O70" s="45">
        <v>38</v>
      </c>
    </row>
    <row r="71" spans="2:15" s="111" customFormat="1" x14ac:dyDescent="0.15">
      <c r="B71" s="139"/>
      <c r="C71" s="111" t="s">
        <v>47</v>
      </c>
      <c r="D71" s="111" t="s">
        <v>165</v>
      </c>
      <c r="E71" s="43">
        <v>125</v>
      </c>
      <c r="F71" s="8">
        <v>125</v>
      </c>
      <c r="G71" s="44">
        <v>55</v>
      </c>
      <c r="H71" s="44">
        <v>54</v>
      </c>
      <c r="I71" s="44">
        <v>1</v>
      </c>
      <c r="J71" s="121"/>
      <c r="K71" s="121"/>
      <c r="L71" s="44">
        <v>55</v>
      </c>
      <c r="M71" s="44">
        <v>0</v>
      </c>
      <c r="N71" s="79">
        <v>1</v>
      </c>
      <c r="O71" s="45">
        <v>70</v>
      </c>
    </row>
    <row r="72" spans="2:15" s="111" customFormat="1" x14ac:dyDescent="0.15">
      <c r="B72" s="139"/>
      <c r="D72" s="54" t="s">
        <v>26</v>
      </c>
      <c r="E72" s="49">
        <v>250</v>
      </c>
      <c r="F72" s="50">
        <v>250</v>
      </c>
      <c r="G72" s="50">
        <v>143</v>
      </c>
      <c r="H72" s="50">
        <v>142</v>
      </c>
      <c r="I72" s="50">
        <v>1</v>
      </c>
      <c r="J72" s="121"/>
      <c r="K72" s="121"/>
      <c r="L72" s="50">
        <v>142</v>
      </c>
      <c r="M72" s="50">
        <v>1</v>
      </c>
      <c r="N72" s="127">
        <v>1</v>
      </c>
      <c r="O72" s="53">
        <v>108</v>
      </c>
    </row>
    <row r="73" spans="2:15" s="111" customFormat="1" ht="24" customHeight="1" x14ac:dyDescent="0.15">
      <c r="B73" s="139"/>
      <c r="C73" s="111" t="s">
        <v>166</v>
      </c>
      <c r="D73" s="7" t="s">
        <v>154</v>
      </c>
      <c r="E73" s="43">
        <v>105</v>
      </c>
      <c r="F73" s="8">
        <v>84</v>
      </c>
      <c r="G73" s="8">
        <v>28</v>
      </c>
      <c r="H73" s="8">
        <v>28</v>
      </c>
      <c r="I73" s="8">
        <v>0</v>
      </c>
      <c r="J73" s="121"/>
      <c r="K73" s="121"/>
      <c r="L73" s="8">
        <v>28</v>
      </c>
      <c r="M73" s="8">
        <v>0</v>
      </c>
      <c r="N73" s="79">
        <v>1</v>
      </c>
      <c r="O73" s="45">
        <v>56</v>
      </c>
    </row>
    <row r="74" spans="2:15" ht="7.5" customHeight="1" x14ac:dyDescent="0.15">
      <c r="B74" s="15"/>
      <c r="C74" s="55"/>
      <c r="D74" s="55"/>
      <c r="E74" s="43"/>
      <c r="F74" s="8"/>
      <c r="G74" s="8"/>
      <c r="H74" s="8"/>
      <c r="I74" s="8"/>
      <c r="J74" s="8"/>
      <c r="K74" s="8"/>
      <c r="L74" s="44"/>
      <c r="M74" s="134"/>
      <c r="N74" s="9"/>
      <c r="O74" s="140"/>
    </row>
    <row r="75" spans="2:15" ht="7.5" customHeight="1" x14ac:dyDescent="0.15">
      <c r="B75" s="57"/>
      <c r="C75" s="58"/>
      <c r="D75" s="58"/>
      <c r="E75" s="59"/>
      <c r="F75" s="60"/>
      <c r="G75" s="60"/>
      <c r="H75" s="60"/>
      <c r="I75" s="60"/>
      <c r="J75" s="60"/>
      <c r="K75" s="60"/>
      <c r="L75" s="61"/>
      <c r="M75" s="136"/>
      <c r="N75" s="137"/>
      <c r="O75" s="141"/>
    </row>
    <row r="76" spans="2:15" s="54" customFormat="1" x14ac:dyDescent="0.15">
      <c r="B76" s="126"/>
      <c r="C76" s="419" t="s">
        <v>37</v>
      </c>
      <c r="D76" s="420"/>
      <c r="E76" s="49">
        <v>1060</v>
      </c>
      <c r="F76" s="50">
        <v>983</v>
      </c>
      <c r="G76" s="50">
        <v>552</v>
      </c>
      <c r="H76" s="50">
        <v>550</v>
      </c>
      <c r="I76" s="50">
        <v>2</v>
      </c>
      <c r="J76" s="121"/>
      <c r="K76" s="121"/>
      <c r="L76" s="50">
        <v>548</v>
      </c>
      <c r="M76" s="50">
        <v>4</v>
      </c>
      <c r="N76" s="127">
        <v>1</v>
      </c>
      <c r="O76" s="53">
        <v>435</v>
      </c>
    </row>
    <row r="77" spans="2:15" ht="7.5" customHeight="1" x14ac:dyDescent="0.15">
      <c r="B77" s="34"/>
      <c r="C77" s="64"/>
      <c r="D77" s="64"/>
      <c r="E77" s="65"/>
      <c r="F77" s="66"/>
      <c r="G77" s="66"/>
      <c r="H77" s="66"/>
      <c r="I77" s="66"/>
      <c r="J77" s="66"/>
      <c r="K77" s="66"/>
      <c r="L77" s="67"/>
      <c r="M77" s="66"/>
      <c r="N77" s="66"/>
      <c r="O77" s="68"/>
    </row>
    <row r="78" spans="2:15" ht="13.5" customHeight="1" x14ac:dyDescent="0.15">
      <c r="B78" s="69"/>
      <c r="D78" s="27"/>
      <c r="E78" s="8"/>
      <c r="F78" s="8"/>
      <c r="G78" s="8"/>
      <c r="H78" s="8"/>
      <c r="I78" s="8"/>
      <c r="J78" s="8"/>
      <c r="K78" s="8"/>
      <c r="L78" s="8"/>
      <c r="M78" s="8"/>
      <c r="N78" s="8"/>
      <c r="O78" s="9"/>
    </row>
    <row r="79" spans="2:15" ht="12.95" customHeight="1" x14ac:dyDescent="0.15">
      <c r="E79" s="8"/>
      <c r="F79" s="8"/>
      <c r="G79" s="8"/>
      <c r="H79" s="8"/>
      <c r="I79" s="8"/>
      <c r="J79" s="8"/>
      <c r="K79" s="8"/>
      <c r="M79" s="8"/>
      <c r="N79" s="8"/>
      <c r="O79" s="9"/>
    </row>
    <row r="80" spans="2:15" x14ac:dyDescent="0.15">
      <c r="B80" s="7" t="s">
        <v>167</v>
      </c>
      <c r="E80" s="8"/>
      <c r="F80" s="8"/>
      <c r="G80" s="8"/>
      <c r="H80" s="8"/>
      <c r="I80" s="8"/>
      <c r="J80" s="8"/>
      <c r="K80" s="8"/>
      <c r="M80" s="8"/>
      <c r="N80" s="8"/>
      <c r="O80" s="9"/>
    </row>
    <row r="81" spans="1:15" ht="7.5" customHeight="1" x14ac:dyDescent="0.15">
      <c r="B81" s="10"/>
      <c r="C81" s="11"/>
      <c r="D81" s="11"/>
      <c r="E81" s="12"/>
      <c r="F81" s="11"/>
      <c r="G81" s="11"/>
      <c r="H81" s="11"/>
      <c r="I81" s="11"/>
      <c r="J81" s="11"/>
      <c r="K81" s="11"/>
      <c r="L81" s="13"/>
      <c r="M81" s="11"/>
      <c r="N81" s="11"/>
      <c r="O81" s="14"/>
    </row>
    <row r="82" spans="1:15" ht="15.75" customHeight="1" x14ac:dyDescent="0.15">
      <c r="B82" s="15"/>
      <c r="E82" s="16" t="s">
        <v>120</v>
      </c>
      <c r="F82" s="112" t="s">
        <v>121</v>
      </c>
      <c r="G82" s="17"/>
      <c r="H82" s="18" t="s">
        <v>2</v>
      </c>
      <c r="I82" s="18"/>
      <c r="J82" s="113" t="s">
        <v>122</v>
      </c>
      <c r="K82" s="114"/>
      <c r="L82" s="114"/>
      <c r="M82" s="19" t="s">
        <v>123</v>
      </c>
      <c r="N82" s="20"/>
      <c r="O82" s="21"/>
    </row>
    <row r="83" spans="1:15" ht="14.25" customHeight="1" x14ac:dyDescent="0.15">
      <c r="B83" s="15"/>
      <c r="C83" s="7" t="s">
        <v>4</v>
      </c>
      <c r="D83" s="7" t="s">
        <v>69</v>
      </c>
      <c r="E83" s="22" t="s">
        <v>125</v>
      </c>
      <c r="F83" s="30" t="s">
        <v>126</v>
      </c>
      <c r="G83" s="22" t="s">
        <v>7</v>
      </c>
      <c r="H83" s="23" t="s">
        <v>127</v>
      </c>
      <c r="I83" s="24" t="s">
        <v>9</v>
      </c>
      <c r="J83" s="115" t="s">
        <v>128</v>
      </c>
      <c r="K83" s="115" t="s">
        <v>128</v>
      </c>
      <c r="L83" s="116" t="s">
        <v>7</v>
      </c>
      <c r="M83" s="25" t="s">
        <v>11</v>
      </c>
      <c r="N83" s="24" t="s">
        <v>12</v>
      </c>
      <c r="O83" s="26" t="s">
        <v>129</v>
      </c>
    </row>
    <row r="84" spans="1:15" ht="14.25" customHeight="1" x14ac:dyDescent="0.15">
      <c r="B84" s="15"/>
      <c r="C84" s="27"/>
      <c r="D84" s="27"/>
      <c r="E84" s="22"/>
      <c r="F84" s="30"/>
      <c r="G84" s="30" t="s">
        <v>14</v>
      </c>
      <c r="H84" s="31" t="s">
        <v>15</v>
      </c>
      <c r="I84" s="31" t="s">
        <v>16</v>
      </c>
      <c r="J84" s="117" t="s">
        <v>130</v>
      </c>
      <c r="K84" s="117" t="s">
        <v>131</v>
      </c>
      <c r="L84" s="24" t="s">
        <v>17</v>
      </c>
      <c r="M84" s="25" t="s">
        <v>132</v>
      </c>
      <c r="N84" s="32" t="s">
        <v>19</v>
      </c>
      <c r="O84" s="26"/>
    </row>
    <row r="85" spans="1:15" ht="7.5" customHeight="1" x14ac:dyDescent="0.15">
      <c r="B85" s="34"/>
      <c r="C85" s="35"/>
      <c r="D85" s="35"/>
      <c r="E85" s="37"/>
      <c r="F85" s="38"/>
      <c r="G85" s="37"/>
      <c r="H85" s="38"/>
      <c r="I85" s="39"/>
      <c r="J85" s="118"/>
      <c r="K85" s="118"/>
      <c r="L85" s="119"/>
      <c r="M85" s="40"/>
      <c r="N85" s="39"/>
      <c r="O85" s="120"/>
    </row>
    <row r="86" spans="1:15" ht="7.5" customHeight="1" x14ac:dyDescent="0.15">
      <c r="B86" s="10"/>
      <c r="C86" s="27"/>
      <c r="D86" s="27"/>
      <c r="E86" s="42"/>
      <c r="L86" s="27"/>
      <c r="O86" s="72"/>
    </row>
    <row r="87" spans="1:15" ht="12.75" customHeight="1" x14ac:dyDescent="0.15">
      <c r="B87" s="15"/>
      <c r="C87" s="7" t="s">
        <v>168</v>
      </c>
      <c r="D87" s="7" t="s">
        <v>169</v>
      </c>
      <c r="E87" s="43">
        <v>144</v>
      </c>
      <c r="F87" s="134">
        <v>144</v>
      </c>
      <c r="G87" s="44">
        <v>151</v>
      </c>
      <c r="H87" s="44">
        <v>151</v>
      </c>
      <c r="I87" s="44">
        <v>0</v>
      </c>
      <c r="J87" s="142">
        <v>133</v>
      </c>
      <c r="K87" s="142">
        <v>11</v>
      </c>
      <c r="L87" s="142">
        <v>144</v>
      </c>
      <c r="M87" s="142">
        <v>2</v>
      </c>
      <c r="N87" s="56">
        <v>1.03</v>
      </c>
      <c r="O87" s="45">
        <v>0</v>
      </c>
    </row>
    <row r="88" spans="1:15" x14ac:dyDescent="0.15">
      <c r="B88" s="15" t="s">
        <v>170</v>
      </c>
      <c r="C88" s="7" t="s">
        <v>47</v>
      </c>
      <c r="D88" s="7" t="s">
        <v>171</v>
      </c>
      <c r="E88" s="43">
        <v>98</v>
      </c>
      <c r="F88" s="134">
        <v>98</v>
      </c>
      <c r="G88" s="44">
        <v>93</v>
      </c>
      <c r="H88" s="44">
        <v>92</v>
      </c>
      <c r="I88" s="44">
        <v>1</v>
      </c>
      <c r="J88" s="142">
        <v>88</v>
      </c>
      <c r="K88" s="142">
        <v>5</v>
      </c>
      <c r="L88" s="142">
        <v>93</v>
      </c>
      <c r="M88" s="142">
        <v>1</v>
      </c>
      <c r="N88" s="56">
        <v>0.99</v>
      </c>
      <c r="O88" s="45">
        <v>5</v>
      </c>
    </row>
    <row r="89" spans="1:15" x14ac:dyDescent="0.15">
      <c r="B89" s="15"/>
      <c r="C89" s="7" t="s">
        <v>47</v>
      </c>
      <c r="D89" s="7" t="s">
        <v>172</v>
      </c>
      <c r="E89" s="43">
        <v>108</v>
      </c>
      <c r="F89" s="134">
        <v>108</v>
      </c>
      <c r="G89" s="44">
        <v>36</v>
      </c>
      <c r="H89" s="44">
        <v>36</v>
      </c>
      <c r="I89" s="44">
        <v>0</v>
      </c>
      <c r="J89" s="142">
        <v>38</v>
      </c>
      <c r="K89" s="142">
        <v>2</v>
      </c>
      <c r="L89" s="142">
        <v>40</v>
      </c>
      <c r="M89" s="142">
        <v>0</v>
      </c>
      <c r="N89" s="56">
        <v>0.9</v>
      </c>
      <c r="O89" s="45">
        <v>68</v>
      </c>
    </row>
    <row r="90" spans="1:15" ht="13.5" customHeight="1" x14ac:dyDescent="0.15">
      <c r="B90" s="15"/>
      <c r="D90" s="54" t="s">
        <v>26</v>
      </c>
      <c r="E90" s="49">
        <v>350</v>
      </c>
      <c r="F90" s="143">
        <v>350</v>
      </c>
      <c r="G90" s="51">
        <v>280</v>
      </c>
      <c r="H90" s="51">
        <v>279</v>
      </c>
      <c r="I90" s="51">
        <v>1</v>
      </c>
      <c r="J90" s="51">
        <v>259</v>
      </c>
      <c r="K90" s="51">
        <v>18</v>
      </c>
      <c r="L90" s="51">
        <v>277</v>
      </c>
      <c r="M90" s="51">
        <v>3</v>
      </c>
      <c r="N90" s="52">
        <v>1</v>
      </c>
      <c r="O90" s="53">
        <v>73</v>
      </c>
    </row>
    <row r="91" spans="1:15" ht="21.75" customHeight="1" x14ac:dyDescent="0.15">
      <c r="B91" s="15"/>
      <c r="C91" s="7" t="s">
        <v>173</v>
      </c>
      <c r="D91" s="7" t="s">
        <v>174</v>
      </c>
      <c r="E91" s="43">
        <v>70</v>
      </c>
      <c r="F91" s="8">
        <v>56</v>
      </c>
      <c r="G91" s="44">
        <v>40</v>
      </c>
      <c r="H91" s="44">
        <v>39</v>
      </c>
      <c r="I91" s="44">
        <v>1</v>
      </c>
      <c r="J91" s="121" t="s">
        <v>143</v>
      </c>
      <c r="K91" s="121" t="s">
        <v>143</v>
      </c>
      <c r="L91" s="142">
        <v>40</v>
      </c>
      <c r="M91" s="142">
        <v>0</v>
      </c>
      <c r="N91" s="56">
        <v>1</v>
      </c>
      <c r="O91" s="45">
        <v>16</v>
      </c>
    </row>
    <row r="92" spans="1:15" ht="7.5" customHeight="1" x14ac:dyDescent="0.15">
      <c r="B92" s="15"/>
      <c r="C92" s="55"/>
      <c r="D92" s="55"/>
      <c r="E92" s="43"/>
      <c r="F92" s="8"/>
      <c r="G92" s="8"/>
      <c r="H92" s="8"/>
      <c r="I92" s="8"/>
      <c r="J92" s="97"/>
      <c r="K92" s="97"/>
      <c r="L92" s="44"/>
      <c r="M92" s="134"/>
      <c r="N92" s="9"/>
      <c r="O92" s="135"/>
    </row>
    <row r="93" spans="1:15" ht="7.5" customHeight="1" x14ac:dyDescent="0.15">
      <c r="B93" s="57"/>
      <c r="C93" s="58"/>
      <c r="D93" s="58"/>
      <c r="E93" s="59"/>
      <c r="F93" s="60"/>
      <c r="G93" s="60"/>
      <c r="H93" s="60"/>
      <c r="I93" s="60"/>
      <c r="J93" s="121"/>
      <c r="K93" s="121"/>
      <c r="L93" s="61"/>
      <c r="M93" s="136"/>
      <c r="N93" s="137"/>
      <c r="O93" s="138"/>
    </row>
    <row r="94" spans="1:15" s="54" customFormat="1" x14ac:dyDescent="0.15">
      <c r="B94" s="126"/>
      <c r="C94" s="419" t="s">
        <v>37</v>
      </c>
      <c r="D94" s="420"/>
      <c r="E94" s="49">
        <v>420</v>
      </c>
      <c r="F94" s="50">
        <v>406</v>
      </c>
      <c r="G94" s="50">
        <v>320</v>
      </c>
      <c r="H94" s="50">
        <v>318</v>
      </c>
      <c r="I94" s="50">
        <v>2</v>
      </c>
      <c r="J94" s="121" t="s">
        <v>143</v>
      </c>
      <c r="K94" s="121" t="s">
        <v>143</v>
      </c>
      <c r="L94" s="50">
        <v>317</v>
      </c>
      <c r="M94" s="50">
        <v>3</v>
      </c>
      <c r="N94" s="52">
        <v>1</v>
      </c>
      <c r="O94" s="144">
        <v>89</v>
      </c>
    </row>
    <row r="95" spans="1:15" ht="7.5" customHeight="1" x14ac:dyDescent="0.15">
      <c r="B95" s="34"/>
      <c r="C95" s="64"/>
      <c r="D95" s="64"/>
      <c r="E95" s="65"/>
      <c r="F95" s="66"/>
      <c r="G95" s="66"/>
      <c r="H95" s="66"/>
      <c r="I95" s="66"/>
      <c r="J95" s="66"/>
      <c r="K95" s="66"/>
      <c r="L95" s="67"/>
      <c r="M95" s="66"/>
      <c r="N95" s="66"/>
      <c r="O95" s="68"/>
    </row>
    <row r="96" spans="1:15" x14ac:dyDescent="0.15">
      <c r="A96" s="101"/>
      <c r="B96" s="101" t="s">
        <v>175</v>
      </c>
      <c r="D96" s="145"/>
      <c r="E96" s="145"/>
      <c r="F96" s="145"/>
      <c r="G96" s="145"/>
      <c r="H96" s="145"/>
      <c r="I96" s="145"/>
      <c r="J96" s="145"/>
      <c r="K96" s="145"/>
      <c r="L96" s="145"/>
      <c r="M96" s="92"/>
      <c r="N96" s="92"/>
    </row>
    <row r="97" spans="1:15" x14ac:dyDescent="0.15">
      <c r="A97" s="101"/>
      <c r="B97" s="101"/>
      <c r="D97" s="145"/>
      <c r="E97" s="145"/>
      <c r="F97" s="145"/>
      <c r="G97" s="145"/>
      <c r="H97" s="145"/>
      <c r="I97" s="145"/>
      <c r="J97" s="145"/>
      <c r="K97" s="145"/>
      <c r="L97" s="145"/>
      <c r="M97" s="92"/>
      <c r="N97" s="92"/>
    </row>
    <row r="98" spans="1:15" x14ac:dyDescent="0.15">
      <c r="B98" s="7" t="s">
        <v>176</v>
      </c>
      <c r="E98" s="8"/>
      <c r="F98" s="8"/>
      <c r="G98" s="8"/>
      <c r="H98" s="8"/>
      <c r="I98" s="8"/>
      <c r="J98" s="8"/>
      <c r="K98" s="8"/>
      <c r="M98" s="8"/>
      <c r="N98" s="8"/>
      <c r="O98" s="9"/>
    </row>
    <row r="99" spans="1:15" ht="7.5" customHeight="1" x14ac:dyDescent="0.15">
      <c r="B99" s="10"/>
      <c r="C99" s="11"/>
      <c r="D99" s="11"/>
      <c r="E99" s="12"/>
      <c r="F99" s="11"/>
      <c r="G99" s="11"/>
      <c r="H99" s="11"/>
      <c r="I99" s="11"/>
      <c r="J99" s="11"/>
      <c r="K99" s="11"/>
      <c r="L99" s="13"/>
      <c r="M99" s="11"/>
      <c r="N99" s="11"/>
      <c r="O99" s="14"/>
    </row>
    <row r="100" spans="1:15" ht="15.75" customHeight="1" x14ac:dyDescent="0.15">
      <c r="B100" s="15"/>
      <c r="E100" s="16" t="s">
        <v>120</v>
      </c>
      <c r="F100" s="112" t="s">
        <v>121</v>
      </c>
      <c r="G100" s="17"/>
      <c r="H100" s="18" t="s">
        <v>2</v>
      </c>
      <c r="I100" s="18"/>
      <c r="J100" s="20" t="s">
        <v>121</v>
      </c>
      <c r="K100" s="116"/>
      <c r="L100" s="116"/>
      <c r="M100" s="19" t="s">
        <v>123</v>
      </c>
      <c r="N100" s="20"/>
      <c r="O100" s="21"/>
    </row>
    <row r="101" spans="1:15" ht="14.25" customHeight="1" x14ac:dyDescent="0.15">
      <c r="B101" s="15"/>
      <c r="C101" s="7" t="s">
        <v>4</v>
      </c>
      <c r="D101" s="7" t="s">
        <v>40</v>
      </c>
      <c r="E101" s="22" t="s">
        <v>125</v>
      </c>
      <c r="F101" s="30" t="s">
        <v>126</v>
      </c>
      <c r="G101" s="22" t="s">
        <v>7</v>
      </c>
      <c r="H101" s="23" t="s">
        <v>127</v>
      </c>
      <c r="I101" s="24" t="s">
        <v>9</v>
      </c>
      <c r="J101" s="128" t="s">
        <v>10</v>
      </c>
      <c r="K101" s="29"/>
      <c r="L101" s="29"/>
      <c r="M101" s="25" t="s">
        <v>11</v>
      </c>
      <c r="N101" s="24" t="s">
        <v>12</v>
      </c>
      <c r="O101" s="26" t="s">
        <v>129</v>
      </c>
    </row>
    <row r="102" spans="1:15" ht="14.25" customHeight="1" x14ac:dyDescent="0.15">
      <c r="B102" s="15"/>
      <c r="C102" s="27"/>
      <c r="D102" s="28"/>
      <c r="E102" s="22"/>
      <c r="F102" s="30"/>
      <c r="G102" s="30" t="s">
        <v>14</v>
      </c>
      <c r="H102" s="31" t="s">
        <v>15</v>
      </c>
      <c r="I102" s="31" t="s">
        <v>16</v>
      </c>
      <c r="J102" s="128" t="s">
        <v>145</v>
      </c>
      <c r="K102" s="129"/>
      <c r="L102" s="130"/>
      <c r="M102" s="25" t="s">
        <v>132</v>
      </c>
      <c r="N102" s="32" t="s">
        <v>19</v>
      </c>
      <c r="O102" s="26"/>
    </row>
    <row r="103" spans="1:15" ht="7.5" customHeight="1" x14ac:dyDescent="0.15">
      <c r="B103" s="34"/>
      <c r="C103" s="35"/>
      <c r="D103" s="36"/>
      <c r="E103" s="37"/>
      <c r="F103" s="38"/>
      <c r="G103" s="37"/>
      <c r="H103" s="38"/>
      <c r="I103" s="39"/>
      <c r="J103" s="131"/>
      <c r="K103" s="132"/>
      <c r="L103" s="133"/>
      <c r="M103" s="40"/>
      <c r="N103" s="39"/>
      <c r="O103" s="120"/>
    </row>
    <row r="104" spans="1:15" ht="7.5" customHeight="1" x14ac:dyDescent="0.15">
      <c r="B104" s="10"/>
      <c r="C104" s="27"/>
      <c r="D104" s="27"/>
      <c r="E104" s="42"/>
      <c r="L104" s="27"/>
      <c r="O104" s="72"/>
    </row>
    <row r="105" spans="1:15" ht="14.25" customHeight="1" x14ac:dyDescent="0.15">
      <c r="B105" s="15"/>
      <c r="C105" s="7" t="s">
        <v>153</v>
      </c>
      <c r="D105" s="7" t="s">
        <v>46</v>
      </c>
      <c r="E105" s="43">
        <v>35</v>
      </c>
      <c r="F105" s="8">
        <v>28</v>
      </c>
      <c r="G105" s="44">
        <v>2</v>
      </c>
      <c r="H105" s="44">
        <v>2</v>
      </c>
      <c r="I105" s="44">
        <v>0</v>
      </c>
      <c r="J105" s="121"/>
      <c r="K105" s="121"/>
      <c r="L105" s="44">
        <v>2</v>
      </c>
      <c r="M105" s="44">
        <v>0</v>
      </c>
      <c r="N105" s="79">
        <v>1</v>
      </c>
      <c r="O105" s="45">
        <v>26</v>
      </c>
    </row>
    <row r="106" spans="1:15" ht="14.25" customHeight="1" x14ac:dyDescent="0.15">
      <c r="B106" s="15"/>
      <c r="C106" s="7" t="s">
        <v>47</v>
      </c>
      <c r="D106" s="7" t="s">
        <v>48</v>
      </c>
      <c r="E106" s="43">
        <v>35</v>
      </c>
      <c r="F106" s="8">
        <v>28</v>
      </c>
      <c r="G106" s="44">
        <v>8</v>
      </c>
      <c r="H106" s="44">
        <v>8</v>
      </c>
      <c r="I106" s="44">
        <v>0</v>
      </c>
      <c r="J106" s="121"/>
      <c r="K106" s="121"/>
      <c r="L106" s="44">
        <v>8</v>
      </c>
      <c r="M106" s="44">
        <v>0</v>
      </c>
      <c r="N106" s="79">
        <v>1</v>
      </c>
      <c r="O106" s="45">
        <v>20</v>
      </c>
    </row>
    <row r="107" spans="1:15" ht="14.25" customHeight="1" x14ac:dyDescent="0.15">
      <c r="B107" s="15"/>
      <c r="C107" s="7" t="s">
        <v>47</v>
      </c>
      <c r="D107" s="7" t="s">
        <v>49</v>
      </c>
      <c r="E107" s="43">
        <v>35</v>
      </c>
      <c r="F107" s="8">
        <v>28</v>
      </c>
      <c r="G107" s="44">
        <v>5</v>
      </c>
      <c r="H107" s="44">
        <v>5</v>
      </c>
      <c r="I107" s="44">
        <v>0</v>
      </c>
      <c r="J107" s="121"/>
      <c r="K107" s="121"/>
      <c r="L107" s="44">
        <v>5</v>
      </c>
      <c r="M107" s="44">
        <v>0</v>
      </c>
      <c r="N107" s="79">
        <v>1</v>
      </c>
      <c r="O107" s="45">
        <v>23</v>
      </c>
    </row>
    <row r="108" spans="1:15" x14ac:dyDescent="0.15">
      <c r="B108" s="15"/>
      <c r="D108" s="54" t="s">
        <v>26</v>
      </c>
      <c r="E108" s="49">
        <v>105</v>
      </c>
      <c r="F108" s="143">
        <v>84</v>
      </c>
      <c r="G108" s="51">
        <v>15</v>
      </c>
      <c r="H108" s="51">
        <v>15</v>
      </c>
      <c r="I108" s="51">
        <v>0</v>
      </c>
      <c r="J108" s="51"/>
      <c r="K108" s="51"/>
      <c r="L108" s="51">
        <v>15</v>
      </c>
      <c r="M108" s="51">
        <v>0</v>
      </c>
      <c r="N108" s="52">
        <v>1</v>
      </c>
      <c r="O108" s="53">
        <v>69</v>
      </c>
    </row>
    <row r="109" spans="1:15" ht="7.5" customHeight="1" x14ac:dyDescent="0.15">
      <c r="B109" s="34"/>
      <c r="C109" s="64"/>
      <c r="D109" s="64"/>
      <c r="E109" s="65"/>
      <c r="F109" s="66"/>
      <c r="G109" s="66"/>
      <c r="H109" s="66"/>
      <c r="I109" s="66"/>
      <c r="J109" s="66"/>
      <c r="K109" s="66"/>
      <c r="L109" s="67"/>
      <c r="M109" s="146"/>
      <c r="N109" s="147"/>
      <c r="O109" s="148"/>
    </row>
    <row r="110" spans="1:15" ht="10.5" customHeight="1" x14ac:dyDescent="0.15">
      <c r="C110" s="55"/>
      <c r="D110" s="55"/>
      <c r="E110" s="8"/>
      <c r="F110" s="8"/>
      <c r="G110" s="8"/>
      <c r="H110" s="8"/>
      <c r="I110" s="8"/>
      <c r="J110" s="8"/>
      <c r="K110" s="8"/>
      <c r="L110" s="44"/>
      <c r="M110" s="8"/>
      <c r="N110" s="8"/>
      <c r="O110" s="9"/>
    </row>
    <row r="111" spans="1:15" x14ac:dyDescent="0.15">
      <c r="B111" s="149" t="s">
        <v>177</v>
      </c>
      <c r="C111" s="149"/>
      <c r="D111" s="149"/>
    </row>
    <row r="112" spans="1:15" x14ac:dyDescent="0.15">
      <c r="B112" s="149" t="s">
        <v>178</v>
      </c>
      <c r="C112" s="149"/>
      <c r="D112" s="149"/>
    </row>
    <row r="113" spans="2:15" ht="7.5" customHeight="1" x14ac:dyDescent="0.15">
      <c r="B113" s="150"/>
      <c r="C113" s="151"/>
      <c r="D113" s="151"/>
      <c r="E113" s="12"/>
      <c r="F113" s="11"/>
      <c r="G113" s="11"/>
      <c r="H113" s="11"/>
      <c r="I113" s="11"/>
      <c r="J113" s="11"/>
      <c r="K113" s="11"/>
      <c r="L113" s="13"/>
      <c r="M113" s="11"/>
      <c r="N113" s="11"/>
      <c r="O113" s="14"/>
    </row>
    <row r="114" spans="2:15" x14ac:dyDescent="0.15">
      <c r="B114" s="152"/>
      <c r="C114" s="149"/>
      <c r="D114" s="149"/>
      <c r="E114" s="16" t="s">
        <v>120</v>
      </c>
      <c r="F114" s="112" t="s">
        <v>121</v>
      </c>
      <c r="G114" s="17"/>
      <c r="H114" s="18" t="s">
        <v>2</v>
      </c>
      <c r="I114" s="18"/>
      <c r="J114" s="20" t="s">
        <v>121</v>
      </c>
      <c r="K114" s="116"/>
      <c r="L114" s="116"/>
      <c r="M114" s="19" t="s">
        <v>123</v>
      </c>
      <c r="N114" s="20"/>
      <c r="O114" s="21"/>
    </row>
    <row r="115" spans="2:15" x14ac:dyDescent="0.15">
      <c r="B115" s="15"/>
      <c r="C115" s="7" t="s">
        <v>4</v>
      </c>
      <c r="D115" s="7" t="s">
        <v>40</v>
      </c>
      <c r="E115" s="22" t="s">
        <v>125</v>
      </c>
      <c r="F115" s="30" t="s">
        <v>126</v>
      </c>
      <c r="G115" s="22" t="s">
        <v>7</v>
      </c>
      <c r="H115" s="23" t="s">
        <v>127</v>
      </c>
      <c r="I115" s="24" t="s">
        <v>9</v>
      </c>
      <c r="J115" s="128" t="s">
        <v>10</v>
      </c>
      <c r="K115" s="29"/>
      <c r="L115" s="29"/>
      <c r="M115" s="25" t="s">
        <v>11</v>
      </c>
      <c r="N115" s="24" t="s">
        <v>12</v>
      </c>
      <c r="O115" s="26" t="s">
        <v>129</v>
      </c>
    </row>
    <row r="116" spans="2:15" x14ac:dyDescent="0.15">
      <c r="B116" s="152"/>
      <c r="C116" s="153"/>
      <c r="D116" s="154"/>
      <c r="E116" s="22"/>
      <c r="F116" s="30"/>
      <c r="G116" s="30" t="s">
        <v>14</v>
      </c>
      <c r="H116" s="31" t="s">
        <v>15</v>
      </c>
      <c r="I116" s="31" t="s">
        <v>16</v>
      </c>
      <c r="J116" s="128" t="s">
        <v>145</v>
      </c>
      <c r="K116" s="129"/>
      <c r="L116" s="130"/>
      <c r="M116" s="25" t="s">
        <v>132</v>
      </c>
      <c r="N116" s="32" t="s">
        <v>19</v>
      </c>
      <c r="O116" s="26"/>
    </row>
    <row r="117" spans="2:15" ht="6.75" customHeight="1" x14ac:dyDescent="0.15">
      <c r="B117" s="155"/>
      <c r="C117" s="156"/>
      <c r="D117" s="157"/>
      <c r="E117" s="37"/>
      <c r="F117" s="38"/>
      <c r="G117" s="37"/>
      <c r="H117" s="38"/>
      <c r="I117" s="39"/>
      <c r="J117" s="131"/>
      <c r="K117" s="132"/>
      <c r="L117" s="133"/>
      <c r="M117" s="40"/>
      <c r="N117" s="39"/>
      <c r="O117" s="120"/>
    </row>
    <row r="118" spans="2:15" ht="6.75" customHeight="1" x14ac:dyDescent="0.15">
      <c r="B118" s="150"/>
      <c r="C118" s="158"/>
      <c r="D118" s="158"/>
      <c r="E118" s="42"/>
      <c r="L118" s="27"/>
      <c r="O118" s="72"/>
    </row>
    <row r="119" spans="2:15" ht="14.1" customHeight="1" x14ac:dyDescent="0.15">
      <c r="B119" s="152"/>
      <c r="C119" s="149" t="s">
        <v>179</v>
      </c>
      <c r="D119" s="149" t="s">
        <v>28</v>
      </c>
      <c r="E119" s="43">
        <v>1250</v>
      </c>
      <c r="F119" s="8">
        <v>1000</v>
      </c>
      <c r="G119" s="44">
        <v>399</v>
      </c>
      <c r="H119" s="44">
        <v>399</v>
      </c>
      <c r="I119" s="159" t="s">
        <v>134</v>
      </c>
      <c r="J119" s="44"/>
      <c r="K119" s="44"/>
      <c r="L119" s="142">
        <v>397</v>
      </c>
      <c r="M119" s="142">
        <v>2</v>
      </c>
      <c r="N119" s="56">
        <v>1</v>
      </c>
      <c r="O119" s="160">
        <v>603</v>
      </c>
    </row>
    <row r="120" spans="2:15" ht="14.1" customHeight="1" x14ac:dyDescent="0.15">
      <c r="B120" s="152"/>
      <c r="C120" s="149" t="s">
        <v>180</v>
      </c>
      <c r="D120" s="149" t="s">
        <v>28</v>
      </c>
      <c r="E120" s="43">
        <v>270</v>
      </c>
      <c r="F120" s="8">
        <v>216</v>
      </c>
      <c r="G120" s="44">
        <v>132</v>
      </c>
      <c r="H120" s="44">
        <v>132</v>
      </c>
      <c r="I120" s="159" t="s">
        <v>134</v>
      </c>
      <c r="J120" s="44"/>
      <c r="K120" s="44"/>
      <c r="L120" s="142">
        <v>132</v>
      </c>
      <c r="M120" s="142">
        <v>0</v>
      </c>
      <c r="N120" s="56">
        <v>1</v>
      </c>
      <c r="O120" s="45">
        <v>84</v>
      </c>
    </row>
    <row r="121" spans="2:15" ht="9.75" customHeight="1" x14ac:dyDescent="0.15">
      <c r="B121" s="152"/>
      <c r="C121" s="161"/>
      <c r="D121" s="161"/>
      <c r="E121" s="43"/>
      <c r="F121" s="8"/>
      <c r="G121" s="8"/>
      <c r="H121" s="8"/>
      <c r="I121" s="8"/>
      <c r="J121" s="8"/>
      <c r="K121" s="8"/>
      <c r="L121" s="44"/>
      <c r="M121" s="134"/>
      <c r="N121" s="9"/>
      <c r="O121" s="135"/>
    </row>
    <row r="122" spans="2:15" ht="7.5" customHeight="1" x14ac:dyDescent="0.15">
      <c r="B122" s="162"/>
      <c r="C122" s="163"/>
      <c r="D122" s="164"/>
      <c r="E122" s="59"/>
      <c r="F122" s="60"/>
      <c r="G122" s="60"/>
      <c r="H122" s="60"/>
      <c r="I122" s="60"/>
      <c r="J122" s="60"/>
      <c r="K122" s="60"/>
      <c r="L122" s="61"/>
      <c r="M122" s="136"/>
      <c r="N122" s="137"/>
      <c r="O122" s="138"/>
    </row>
    <row r="123" spans="2:15" x14ac:dyDescent="0.15">
      <c r="B123" s="152"/>
      <c r="C123" s="161" t="s">
        <v>37</v>
      </c>
      <c r="D123" s="161"/>
      <c r="E123" s="49">
        <v>1520</v>
      </c>
      <c r="F123" s="50">
        <v>1216</v>
      </c>
      <c r="G123" s="50">
        <v>531</v>
      </c>
      <c r="H123" s="50">
        <v>531</v>
      </c>
      <c r="I123" s="165" t="s">
        <v>181</v>
      </c>
      <c r="J123" s="50"/>
      <c r="K123" s="50"/>
      <c r="L123" s="50">
        <v>529</v>
      </c>
      <c r="M123" s="50">
        <v>2</v>
      </c>
      <c r="N123" s="52">
        <v>1</v>
      </c>
      <c r="O123" s="144">
        <v>687</v>
      </c>
    </row>
    <row r="124" spans="2:15" ht="7.5" customHeight="1" x14ac:dyDescent="0.15">
      <c r="B124" s="155"/>
      <c r="C124" s="166"/>
      <c r="D124" s="166"/>
      <c r="E124" s="65"/>
      <c r="F124" s="66"/>
      <c r="G124" s="66"/>
      <c r="H124" s="66"/>
      <c r="I124" s="66"/>
      <c r="J124" s="66"/>
      <c r="K124" s="66"/>
      <c r="L124" s="67"/>
      <c r="M124" s="66"/>
      <c r="N124" s="66"/>
      <c r="O124" s="68"/>
    </row>
    <row r="125" spans="2:15" ht="13.5" customHeight="1" x14ac:dyDescent="0.15">
      <c r="B125" s="167" t="s">
        <v>182</v>
      </c>
      <c r="C125" s="149"/>
      <c r="D125" s="149"/>
    </row>
    <row r="126" spans="2:15" x14ac:dyDescent="0.15">
      <c r="D126" s="149"/>
    </row>
    <row r="127" spans="2:15" x14ac:dyDescent="0.15">
      <c r="D127" s="149"/>
    </row>
  </sheetData>
  <mergeCells count="4">
    <mergeCell ref="C24:D24"/>
    <mergeCell ref="C39:D39"/>
    <mergeCell ref="C76:D76"/>
    <mergeCell ref="C94:D94"/>
  </mergeCells>
  <phoneticPr fontId="3"/>
  <printOptions horizontalCentered="1"/>
  <pageMargins left="0.78740157480314965" right="0.78740157480314965" top="0.78740157480314965" bottom="0.59055118110236227" header="0.51181102362204722" footer="0.39370078740157483"/>
  <pageSetup paperSize="9" scale="69" firstPageNumber="11" fitToHeight="0" orientation="portrait" useFirstPageNumber="1" r:id="rId1"/>
  <headerFooter alignWithMargins="0">
    <oddFooter>&amp;C&amp;"ＭＳ ゴシック,標準"&amp;P</oddFooter>
  </headerFooter>
  <rowBreaks count="1" manualBreakCount="1">
    <brk id="53" max="27"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CA6B3C-65D7-40CF-90CB-52BCB9C57058}">
  <sheetPr>
    <pageSetUpPr fitToPage="1"/>
  </sheetPr>
  <dimension ref="A1:L144"/>
  <sheetViews>
    <sheetView view="pageBreakPreview" zoomScale="85" zoomScaleNormal="85" zoomScaleSheetLayoutView="85" workbookViewId="0"/>
  </sheetViews>
  <sheetFormatPr defaultColWidth="9" defaultRowHeight="13.5" x14ac:dyDescent="0.15"/>
  <cols>
    <col min="1" max="2" width="1.5" style="7" customWidth="1"/>
    <col min="3" max="3" width="17.125" style="7" bestFit="1" customWidth="1"/>
    <col min="4" max="4" width="28.125" style="7" bestFit="1" customWidth="1"/>
    <col min="5" max="5" width="10.125" style="7" bestFit="1" customWidth="1"/>
    <col min="6" max="6" width="9" style="7" customWidth="1"/>
    <col min="7" max="7" width="9" style="7"/>
    <col min="8" max="8" width="7.125" style="7" bestFit="1" customWidth="1"/>
    <col min="9" max="10" width="9" style="7" bestFit="1" customWidth="1"/>
    <col min="11" max="11" width="9.875" style="7" bestFit="1" customWidth="1"/>
    <col min="12" max="12" width="5.5" style="7" customWidth="1"/>
    <col min="13" max="16384" width="9" style="7"/>
  </cols>
  <sheetData>
    <row r="1" spans="1:12" s="2" customFormat="1" ht="14.25" x14ac:dyDescent="0.15">
      <c r="A1" s="1" t="s">
        <v>0</v>
      </c>
      <c r="C1" s="3"/>
      <c r="E1" s="4"/>
      <c r="F1" s="4"/>
      <c r="L1" s="5"/>
    </row>
    <row r="2" spans="1:12" s="2" customFormat="1" ht="12" customHeight="1" x14ac:dyDescent="0.2">
      <c r="A2" s="6"/>
      <c r="C2" s="3"/>
      <c r="E2" s="4"/>
      <c r="F2" s="4"/>
      <c r="L2" s="5"/>
    </row>
    <row r="3" spans="1:12" ht="14.25" customHeight="1" x14ac:dyDescent="0.15">
      <c r="B3" s="7" t="s">
        <v>1</v>
      </c>
      <c r="E3" s="8"/>
      <c r="F3" s="8"/>
      <c r="L3" s="9"/>
    </row>
    <row r="4" spans="1:12" ht="7.5" customHeight="1" x14ac:dyDescent="0.15">
      <c r="B4" s="10"/>
      <c r="C4" s="11"/>
      <c r="D4" s="11"/>
      <c r="E4" s="12"/>
      <c r="F4" s="12"/>
      <c r="G4" s="13"/>
      <c r="H4" s="13"/>
      <c r="I4" s="13"/>
      <c r="J4" s="13"/>
      <c r="K4" s="13"/>
      <c r="L4" s="14"/>
    </row>
    <row r="5" spans="1:12" ht="15.75" customHeight="1" x14ac:dyDescent="0.15">
      <c r="B5" s="15"/>
      <c r="E5" s="16"/>
      <c r="F5" s="17"/>
      <c r="G5" s="18" t="s">
        <v>2</v>
      </c>
      <c r="H5" s="18"/>
      <c r="I5" s="19"/>
      <c r="J5" s="19" t="s">
        <v>3</v>
      </c>
      <c r="K5" s="20"/>
      <c r="L5" s="21"/>
    </row>
    <row r="6" spans="1:12" ht="14.25" customHeight="1" x14ac:dyDescent="0.15">
      <c r="B6" s="15"/>
      <c r="C6" s="7" t="s">
        <v>4</v>
      </c>
      <c r="D6" s="7" t="s">
        <v>5</v>
      </c>
      <c r="E6" s="22" t="s">
        <v>6</v>
      </c>
      <c r="F6" s="22" t="s">
        <v>7</v>
      </c>
      <c r="G6" s="23" t="s">
        <v>8</v>
      </c>
      <c r="H6" s="24" t="s">
        <v>9</v>
      </c>
      <c r="I6" s="25" t="s">
        <v>10</v>
      </c>
      <c r="J6" s="25" t="s">
        <v>11</v>
      </c>
      <c r="K6" s="24" t="s">
        <v>12</v>
      </c>
      <c r="L6" s="26" t="s">
        <v>13</v>
      </c>
    </row>
    <row r="7" spans="1:12" ht="14.25" customHeight="1" x14ac:dyDescent="0.15">
      <c r="B7" s="15"/>
      <c r="C7" s="27"/>
      <c r="D7" s="28"/>
      <c r="E7" s="29"/>
      <c r="F7" s="30" t="s">
        <v>14</v>
      </c>
      <c r="G7" s="31" t="s">
        <v>15</v>
      </c>
      <c r="H7" s="31" t="s">
        <v>16</v>
      </c>
      <c r="I7" s="29" t="s">
        <v>17</v>
      </c>
      <c r="J7" s="29" t="s">
        <v>18</v>
      </c>
      <c r="K7" s="32" t="s">
        <v>19</v>
      </c>
      <c r="L7" s="33"/>
    </row>
    <row r="8" spans="1:12" ht="7.5" customHeight="1" x14ac:dyDescent="0.15">
      <c r="B8" s="34"/>
      <c r="C8" s="35"/>
      <c r="D8" s="36"/>
      <c r="E8" s="37"/>
      <c r="F8" s="37"/>
      <c r="G8" s="38"/>
      <c r="H8" s="39"/>
      <c r="I8" s="40"/>
      <c r="J8" s="40"/>
      <c r="K8" s="40"/>
      <c r="L8" s="41"/>
    </row>
    <row r="9" spans="1:12" ht="7.5" customHeight="1" x14ac:dyDescent="0.15">
      <c r="B9" s="10"/>
      <c r="C9" s="13"/>
      <c r="D9" s="13"/>
      <c r="E9" s="42"/>
      <c r="F9" s="12"/>
      <c r="G9" s="13"/>
      <c r="H9" s="13"/>
      <c r="I9" s="13"/>
      <c r="J9" s="13"/>
      <c r="K9" s="13"/>
      <c r="L9" s="14"/>
    </row>
    <row r="10" spans="1:12" ht="14.25" customHeight="1" x14ac:dyDescent="0.15">
      <c r="B10" s="15"/>
      <c r="C10" s="7" t="s">
        <v>20</v>
      </c>
      <c r="D10" s="7" t="s">
        <v>21</v>
      </c>
      <c r="E10" s="43">
        <v>10</v>
      </c>
      <c r="F10" s="8">
        <v>16</v>
      </c>
      <c r="G10" s="44">
        <v>16</v>
      </c>
      <c r="H10" s="44">
        <v>0</v>
      </c>
      <c r="I10" s="44">
        <v>10</v>
      </c>
      <c r="J10" s="44">
        <v>0</v>
      </c>
      <c r="K10" s="9">
        <v>1.6</v>
      </c>
      <c r="L10" s="45">
        <v>0</v>
      </c>
    </row>
    <row r="11" spans="1:12" ht="21" customHeight="1" x14ac:dyDescent="0.15">
      <c r="B11" s="15"/>
      <c r="C11" s="7" t="s">
        <v>22</v>
      </c>
      <c r="D11" s="46" t="s">
        <v>23</v>
      </c>
      <c r="E11" s="43">
        <v>20</v>
      </c>
      <c r="F11" s="8">
        <v>11</v>
      </c>
      <c r="G11" s="44">
        <v>11</v>
      </c>
      <c r="H11" s="44">
        <v>0</v>
      </c>
      <c r="I11" s="44">
        <v>10</v>
      </c>
      <c r="J11" s="44">
        <v>1</v>
      </c>
      <c r="K11" s="9">
        <v>1</v>
      </c>
      <c r="L11" s="45">
        <v>10</v>
      </c>
    </row>
    <row r="12" spans="1:12" ht="14.25" customHeight="1" x14ac:dyDescent="0.15">
      <c r="B12" s="15"/>
      <c r="C12" s="7" t="s">
        <v>24</v>
      </c>
      <c r="D12" s="47" t="s">
        <v>25</v>
      </c>
      <c r="E12" s="43">
        <v>5</v>
      </c>
      <c r="F12" s="8">
        <v>5</v>
      </c>
      <c r="G12" s="44">
        <v>5</v>
      </c>
      <c r="H12" s="44">
        <v>0</v>
      </c>
      <c r="I12" s="44">
        <v>4</v>
      </c>
      <c r="J12" s="44">
        <v>1</v>
      </c>
      <c r="K12" s="9">
        <v>1</v>
      </c>
      <c r="L12" s="45">
        <v>1</v>
      </c>
    </row>
    <row r="13" spans="1:12" ht="14.25" customHeight="1" x14ac:dyDescent="0.15">
      <c r="B13" s="15"/>
      <c r="D13" s="48" t="s">
        <v>26</v>
      </c>
      <c r="E13" s="49">
        <v>25</v>
      </c>
      <c r="F13" s="50">
        <v>16</v>
      </c>
      <c r="G13" s="51">
        <v>16</v>
      </c>
      <c r="H13" s="51">
        <v>0</v>
      </c>
      <c r="I13" s="51">
        <v>14</v>
      </c>
      <c r="J13" s="51">
        <v>2</v>
      </c>
      <c r="K13" s="52">
        <v>1</v>
      </c>
      <c r="L13" s="53">
        <v>11</v>
      </c>
    </row>
    <row r="14" spans="1:12" ht="14.25" customHeight="1" x14ac:dyDescent="0.15">
      <c r="B14" s="15"/>
      <c r="C14" s="7" t="s">
        <v>27</v>
      </c>
      <c r="D14" s="7" t="s">
        <v>28</v>
      </c>
      <c r="E14" s="43">
        <v>10</v>
      </c>
      <c r="F14" s="8">
        <v>8</v>
      </c>
      <c r="G14" s="44">
        <v>8</v>
      </c>
      <c r="H14" s="44">
        <v>0</v>
      </c>
      <c r="I14" s="44">
        <v>8</v>
      </c>
      <c r="J14" s="44">
        <v>0</v>
      </c>
      <c r="K14" s="9">
        <v>1</v>
      </c>
      <c r="L14" s="45">
        <v>2</v>
      </c>
    </row>
    <row r="15" spans="1:12" ht="14.25" customHeight="1" x14ac:dyDescent="0.15">
      <c r="B15" s="15"/>
      <c r="C15" s="46" t="s">
        <v>29</v>
      </c>
      <c r="D15" s="46" t="s">
        <v>28</v>
      </c>
      <c r="E15" s="43">
        <v>10</v>
      </c>
      <c r="F15" s="8">
        <v>1</v>
      </c>
      <c r="G15" s="44">
        <v>1</v>
      </c>
      <c r="H15" s="44">
        <v>0</v>
      </c>
      <c r="I15" s="44">
        <v>1</v>
      </c>
      <c r="J15" s="44">
        <v>0</v>
      </c>
      <c r="K15" s="9">
        <v>1</v>
      </c>
      <c r="L15" s="45">
        <v>9</v>
      </c>
    </row>
    <row r="16" spans="1:12" ht="14.25" customHeight="1" x14ac:dyDescent="0.15">
      <c r="B16" s="15"/>
      <c r="C16" s="7" t="s">
        <v>30</v>
      </c>
      <c r="D16" s="7" t="s">
        <v>28</v>
      </c>
      <c r="E16" s="43">
        <v>15</v>
      </c>
      <c r="F16" s="8">
        <v>3</v>
      </c>
      <c r="G16" s="44">
        <v>3</v>
      </c>
      <c r="H16" s="44">
        <v>0</v>
      </c>
      <c r="I16" s="44">
        <v>3</v>
      </c>
      <c r="J16" s="44">
        <v>0</v>
      </c>
      <c r="K16" s="9">
        <v>1</v>
      </c>
      <c r="L16" s="45">
        <v>12</v>
      </c>
    </row>
    <row r="17" spans="2:12" ht="14.25" customHeight="1" x14ac:dyDescent="0.15">
      <c r="B17" s="15"/>
      <c r="C17" s="7" t="s">
        <v>31</v>
      </c>
      <c r="D17" s="7" t="s">
        <v>32</v>
      </c>
      <c r="E17" s="43">
        <v>5</v>
      </c>
      <c r="F17" s="8">
        <v>4</v>
      </c>
      <c r="G17" s="44">
        <v>4</v>
      </c>
      <c r="H17" s="44">
        <v>0</v>
      </c>
      <c r="I17" s="44">
        <v>4</v>
      </c>
      <c r="J17" s="44">
        <v>0</v>
      </c>
      <c r="K17" s="9">
        <v>1</v>
      </c>
      <c r="L17" s="45">
        <v>1</v>
      </c>
    </row>
    <row r="18" spans="2:12" ht="15" customHeight="1" x14ac:dyDescent="0.15">
      <c r="B18" s="15"/>
      <c r="C18" s="46" t="s">
        <v>33</v>
      </c>
      <c r="D18" s="46" t="s">
        <v>28</v>
      </c>
      <c r="E18" s="43">
        <v>10</v>
      </c>
      <c r="F18" s="8">
        <v>4</v>
      </c>
      <c r="G18" s="44">
        <v>4</v>
      </c>
      <c r="H18" s="44">
        <v>0</v>
      </c>
      <c r="I18" s="44">
        <v>4</v>
      </c>
      <c r="J18" s="44">
        <v>0</v>
      </c>
      <c r="K18" s="9">
        <v>1</v>
      </c>
      <c r="L18" s="45">
        <v>6</v>
      </c>
    </row>
    <row r="19" spans="2:12" ht="21.75" customHeight="1" x14ac:dyDescent="0.15">
      <c r="B19" s="15"/>
      <c r="C19" s="54" t="s">
        <v>34</v>
      </c>
      <c r="D19" s="54"/>
      <c r="E19" s="49">
        <v>85</v>
      </c>
      <c r="F19" s="50">
        <v>52</v>
      </c>
      <c r="G19" s="51">
        <v>52</v>
      </c>
      <c r="H19" s="51">
        <v>0</v>
      </c>
      <c r="I19" s="51">
        <v>44</v>
      </c>
      <c r="J19" s="51">
        <v>2</v>
      </c>
      <c r="K19" s="52">
        <v>1.1399999999999999</v>
      </c>
      <c r="L19" s="53">
        <v>41</v>
      </c>
    </row>
    <row r="20" spans="2:12" ht="21.75" customHeight="1" x14ac:dyDescent="0.15">
      <c r="B20" s="15"/>
      <c r="C20" s="7" t="s">
        <v>35</v>
      </c>
      <c r="D20" s="7" t="s">
        <v>36</v>
      </c>
      <c r="E20" s="43">
        <v>10</v>
      </c>
      <c r="F20" s="8">
        <v>5</v>
      </c>
      <c r="G20" s="44">
        <v>5</v>
      </c>
      <c r="H20" s="44">
        <v>0</v>
      </c>
      <c r="I20" s="44">
        <v>5</v>
      </c>
      <c r="J20" s="44">
        <v>0</v>
      </c>
      <c r="K20" s="9">
        <v>1</v>
      </c>
      <c r="L20" s="45">
        <v>5</v>
      </c>
    </row>
    <row r="21" spans="2:12" ht="7.5" customHeight="1" x14ac:dyDescent="0.15">
      <c r="B21" s="15"/>
      <c r="C21" s="55"/>
      <c r="D21" s="55"/>
      <c r="E21" s="43"/>
      <c r="F21" s="8"/>
      <c r="G21" s="44"/>
      <c r="H21" s="44"/>
      <c r="I21" s="44"/>
      <c r="J21" s="44"/>
      <c r="K21" s="56"/>
      <c r="L21" s="45"/>
    </row>
    <row r="22" spans="2:12" ht="7.5" customHeight="1" x14ac:dyDescent="0.15">
      <c r="B22" s="57"/>
      <c r="C22" s="58"/>
      <c r="D22" s="58"/>
      <c r="E22" s="59"/>
      <c r="F22" s="60"/>
      <c r="G22" s="61"/>
      <c r="H22" s="61"/>
      <c r="I22" s="61"/>
      <c r="J22" s="61"/>
      <c r="K22" s="62"/>
      <c r="L22" s="63"/>
    </row>
    <row r="23" spans="2:12" ht="14.25" customHeight="1" x14ac:dyDescent="0.15">
      <c r="B23" s="15"/>
      <c r="C23" s="419" t="s">
        <v>37</v>
      </c>
      <c r="D23" s="420"/>
      <c r="E23" s="49">
        <v>95</v>
      </c>
      <c r="F23" s="50">
        <v>57</v>
      </c>
      <c r="G23" s="51">
        <v>57</v>
      </c>
      <c r="H23" s="51">
        <v>0</v>
      </c>
      <c r="I23" s="51">
        <v>49</v>
      </c>
      <c r="J23" s="51">
        <v>2</v>
      </c>
      <c r="K23" s="52">
        <v>1.1200000000000001</v>
      </c>
      <c r="L23" s="53">
        <v>46</v>
      </c>
    </row>
    <row r="24" spans="2:12" ht="7.5" customHeight="1" x14ac:dyDescent="0.15">
      <c r="B24" s="34"/>
      <c r="C24" s="64"/>
      <c r="D24" s="64"/>
      <c r="E24" s="65"/>
      <c r="F24" s="66"/>
      <c r="G24" s="67"/>
      <c r="H24" s="67"/>
      <c r="I24" s="67"/>
      <c r="J24" s="67"/>
      <c r="K24" s="67"/>
      <c r="L24" s="68"/>
    </row>
    <row r="25" spans="2:12" s="46" customFormat="1" x14ac:dyDescent="0.15">
      <c r="B25" s="69" t="s">
        <v>38</v>
      </c>
      <c r="C25" s="7"/>
      <c r="D25" s="7"/>
      <c r="E25"/>
      <c r="F25"/>
      <c r="G25"/>
      <c r="H25"/>
      <c r="I25"/>
      <c r="J25"/>
    </row>
    <row r="26" spans="2:12" s="46" customFormat="1" ht="14.25" customHeight="1" x14ac:dyDescent="0.15">
      <c r="B26"/>
      <c r="C26" s="70"/>
      <c r="D26" s="70"/>
      <c r="E26" s="70"/>
      <c r="F26" s="70"/>
      <c r="G26" s="70"/>
      <c r="H26" s="70"/>
      <c r="I26" s="70"/>
      <c r="J26" s="70"/>
    </row>
    <row r="27" spans="2:12" ht="14.25" customHeight="1" x14ac:dyDescent="0.15">
      <c r="B27" s="7" t="s">
        <v>39</v>
      </c>
      <c r="E27" s="8"/>
      <c r="F27" s="8"/>
      <c r="L27" s="9"/>
    </row>
    <row r="28" spans="2:12" ht="7.5" customHeight="1" x14ac:dyDescent="0.15">
      <c r="B28" s="10"/>
      <c r="C28" s="11"/>
      <c r="D28" s="11"/>
      <c r="E28" s="12"/>
      <c r="F28" s="12"/>
      <c r="G28" s="13"/>
      <c r="H28" s="13"/>
      <c r="I28" s="13"/>
      <c r="J28" s="13"/>
      <c r="K28" s="13"/>
      <c r="L28" s="14"/>
    </row>
    <row r="29" spans="2:12" ht="15.75" customHeight="1" x14ac:dyDescent="0.15">
      <c r="B29" s="15"/>
      <c r="E29" s="16"/>
      <c r="F29" s="17"/>
      <c r="G29" s="18" t="s">
        <v>2</v>
      </c>
      <c r="H29" s="18"/>
      <c r="I29" s="19"/>
      <c r="J29" s="19" t="s">
        <v>3</v>
      </c>
      <c r="K29" s="20"/>
      <c r="L29" s="21"/>
    </row>
    <row r="30" spans="2:12" ht="14.25" customHeight="1" x14ac:dyDescent="0.15">
      <c r="B30" s="15"/>
      <c r="C30" s="7" t="s">
        <v>4</v>
      </c>
      <c r="D30" s="7" t="s">
        <v>40</v>
      </c>
      <c r="E30" s="22" t="s">
        <v>6</v>
      </c>
      <c r="F30" s="22" t="s">
        <v>7</v>
      </c>
      <c r="G30" s="23" t="s">
        <v>8</v>
      </c>
      <c r="H30" s="24" t="s">
        <v>9</v>
      </c>
      <c r="I30" s="25" t="s">
        <v>10</v>
      </c>
      <c r="J30" s="25" t="s">
        <v>11</v>
      </c>
      <c r="K30" s="24" t="s">
        <v>12</v>
      </c>
      <c r="L30" s="26" t="s">
        <v>13</v>
      </c>
    </row>
    <row r="31" spans="2:12" ht="14.25" customHeight="1" x14ac:dyDescent="0.15">
      <c r="B31" s="15"/>
      <c r="C31" s="27"/>
      <c r="D31" s="28"/>
      <c r="E31" s="29"/>
      <c r="F31" s="30" t="s">
        <v>14</v>
      </c>
      <c r="G31" s="31" t="s">
        <v>15</v>
      </c>
      <c r="H31" s="31" t="s">
        <v>16</v>
      </c>
      <c r="I31" s="29" t="s">
        <v>17</v>
      </c>
      <c r="J31" s="29" t="s">
        <v>18</v>
      </c>
      <c r="K31" s="32" t="s">
        <v>19</v>
      </c>
      <c r="L31" s="33"/>
    </row>
    <row r="32" spans="2:12" ht="7.5" customHeight="1" x14ac:dyDescent="0.15">
      <c r="B32" s="34"/>
      <c r="C32" s="35"/>
      <c r="D32" s="36"/>
      <c r="E32" s="37"/>
      <c r="F32" s="37"/>
      <c r="G32" s="38"/>
      <c r="H32" s="39"/>
      <c r="I32" s="40"/>
      <c r="J32" s="40"/>
      <c r="K32" s="40"/>
      <c r="L32" s="41"/>
    </row>
    <row r="33" spans="2:12" ht="7.5" customHeight="1" x14ac:dyDescent="0.15">
      <c r="B33" s="10"/>
      <c r="C33" s="27"/>
      <c r="D33" s="27"/>
      <c r="E33" s="42"/>
      <c r="F33" s="71"/>
      <c r="G33" s="27"/>
      <c r="H33" s="27"/>
      <c r="I33" s="27"/>
      <c r="J33" s="27"/>
      <c r="K33" s="27"/>
      <c r="L33" s="72"/>
    </row>
    <row r="34" spans="2:12" x14ac:dyDescent="0.15">
      <c r="B34" s="15"/>
      <c r="C34" s="7" t="s">
        <v>41</v>
      </c>
      <c r="D34" s="7" t="s">
        <v>42</v>
      </c>
      <c r="E34" s="73">
        <v>20</v>
      </c>
      <c r="F34" s="8">
        <v>21</v>
      </c>
      <c r="G34" s="44">
        <v>21</v>
      </c>
      <c r="H34" s="44">
        <v>0</v>
      </c>
      <c r="I34" s="44">
        <v>20</v>
      </c>
      <c r="J34" s="44">
        <v>0</v>
      </c>
      <c r="K34" s="9">
        <v>1.05</v>
      </c>
      <c r="L34" s="45">
        <v>0</v>
      </c>
    </row>
    <row r="35" spans="2:12" x14ac:dyDescent="0.15">
      <c r="B35" s="15"/>
      <c r="C35" s="46" t="s">
        <v>43</v>
      </c>
      <c r="D35" s="46" t="s">
        <v>44</v>
      </c>
      <c r="E35" s="73">
        <v>13</v>
      </c>
      <c r="F35" s="8">
        <v>18</v>
      </c>
      <c r="G35" s="44">
        <v>18</v>
      </c>
      <c r="H35" s="44">
        <v>0</v>
      </c>
      <c r="I35" s="44">
        <v>13</v>
      </c>
      <c r="J35" s="44">
        <v>0</v>
      </c>
      <c r="K35" s="9">
        <v>1.38</v>
      </c>
      <c r="L35" s="45">
        <v>0</v>
      </c>
    </row>
    <row r="36" spans="2:12" ht="18.75" customHeight="1" x14ac:dyDescent="0.15">
      <c r="B36" s="15"/>
      <c r="C36" s="46" t="s">
        <v>45</v>
      </c>
      <c r="D36" s="46" t="s">
        <v>46</v>
      </c>
      <c r="E36" s="73">
        <v>2</v>
      </c>
      <c r="F36" s="8">
        <v>2</v>
      </c>
      <c r="G36" s="44">
        <v>2</v>
      </c>
      <c r="H36" s="44">
        <v>0</v>
      </c>
      <c r="I36" s="44">
        <v>2</v>
      </c>
      <c r="J36" s="44">
        <v>0</v>
      </c>
      <c r="K36" s="9">
        <v>1</v>
      </c>
      <c r="L36" s="45">
        <v>0</v>
      </c>
    </row>
    <row r="37" spans="2:12" x14ac:dyDescent="0.15">
      <c r="B37" s="15"/>
      <c r="C37" s="46" t="s">
        <v>47</v>
      </c>
      <c r="D37" s="46" t="s">
        <v>48</v>
      </c>
      <c r="E37" s="73">
        <v>2</v>
      </c>
      <c r="F37" s="8">
        <v>1</v>
      </c>
      <c r="G37" s="44">
        <v>1</v>
      </c>
      <c r="H37" s="44">
        <v>0</v>
      </c>
      <c r="I37" s="44">
        <v>1</v>
      </c>
      <c r="J37" s="44">
        <v>0</v>
      </c>
      <c r="K37" s="9">
        <v>1</v>
      </c>
      <c r="L37" s="45">
        <v>1</v>
      </c>
    </row>
    <row r="38" spans="2:12" x14ac:dyDescent="0.15">
      <c r="B38" s="15"/>
      <c r="C38" s="46" t="s">
        <v>47</v>
      </c>
      <c r="D38" s="46" t="s">
        <v>49</v>
      </c>
      <c r="E38" s="73">
        <v>2</v>
      </c>
      <c r="F38" s="8">
        <v>2</v>
      </c>
      <c r="G38" s="44">
        <v>2</v>
      </c>
      <c r="H38" s="44">
        <v>0</v>
      </c>
      <c r="I38" s="44">
        <v>2</v>
      </c>
      <c r="J38" s="44">
        <v>0</v>
      </c>
      <c r="K38" s="9">
        <v>1</v>
      </c>
      <c r="L38" s="45">
        <v>0</v>
      </c>
    </row>
    <row r="39" spans="2:12" x14ac:dyDescent="0.15">
      <c r="B39" s="15"/>
      <c r="C39" s="46" t="s">
        <v>47</v>
      </c>
      <c r="D39" s="46" t="s">
        <v>50</v>
      </c>
      <c r="E39" s="73">
        <v>2</v>
      </c>
      <c r="F39" s="8">
        <v>1</v>
      </c>
      <c r="G39" s="44">
        <v>1</v>
      </c>
      <c r="H39" s="44">
        <v>0</v>
      </c>
      <c r="I39" s="44">
        <v>1</v>
      </c>
      <c r="J39" s="44">
        <v>0</v>
      </c>
      <c r="K39" s="9">
        <v>1</v>
      </c>
      <c r="L39" s="45">
        <v>1</v>
      </c>
    </row>
    <row r="40" spans="2:12" x14ac:dyDescent="0.15">
      <c r="B40" s="15"/>
      <c r="C40" s="46"/>
      <c r="D40" s="48" t="s">
        <v>26</v>
      </c>
      <c r="E40" s="74">
        <v>8</v>
      </c>
      <c r="F40" s="50">
        <v>6</v>
      </c>
      <c r="G40" s="51">
        <v>6</v>
      </c>
      <c r="H40" s="51">
        <v>0</v>
      </c>
      <c r="I40" s="51">
        <v>6</v>
      </c>
      <c r="J40" s="51">
        <v>0</v>
      </c>
      <c r="K40" s="52">
        <v>1</v>
      </c>
      <c r="L40" s="53">
        <v>2</v>
      </c>
    </row>
    <row r="41" spans="2:12" ht="20.25" customHeight="1" x14ac:dyDescent="0.15">
      <c r="B41" s="15"/>
      <c r="C41" s="46" t="s">
        <v>51</v>
      </c>
      <c r="D41" s="46" t="s">
        <v>52</v>
      </c>
      <c r="E41" s="73">
        <v>12</v>
      </c>
      <c r="F41" s="8">
        <v>18</v>
      </c>
      <c r="G41" s="44">
        <v>18</v>
      </c>
      <c r="H41" s="44">
        <v>0</v>
      </c>
      <c r="I41" s="44">
        <v>12</v>
      </c>
      <c r="J41" s="44">
        <v>0</v>
      </c>
      <c r="K41" s="9">
        <v>1.5</v>
      </c>
      <c r="L41" s="45">
        <v>0</v>
      </c>
    </row>
    <row r="42" spans="2:12" x14ac:dyDescent="0.15">
      <c r="B42" s="15"/>
      <c r="C42" s="46" t="s">
        <v>53</v>
      </c>
      <c r="D42" s="46" t="s">
        <v>44</v>
      </c>
      <c r="E42" s="73">
        <v>13</v>
      </c>
      <c r="F42" s="8">
        <v>17</v>
      </c>
      <c r="G42" s="44">
        <v>17</v>
      </c>
      <c r="H42" s="44">
        <v>0</v>
      </c>
      <c r="I42" s="44">
        <v>13</v>
      </c>
      <c r="J42" s="44">
        <v>0</v>
      </c>
      <c r="K42" s="9">
        <v>1.31</v>
      </c>
      <c r="L42" s="45">
        <v>0</v>
      </c>
    </row>
    <row r="43" spans="2:12" x14ac:dyDescent="0.15">
      <c r="B43" s="15"/>
      <c r="C43" s="46" t="s">
        <v>54</v>
      </c>
      <c r="D43" s="46" t="s">
        <v>44</v>
      </c>
      <c r="E43" s="73">
        <v>13</v>
      </c>
      <c r="F43" s="8">
        <v>11</v>
      </c>
      <c r="G43" s="44">
        <v>11</v>
      </c>
      <c r="H43" s="44">
        <v>0</v>
      </c>
      <c r="I43" s="44">
        <v>11</v>
      </c>
      <c r="J43" s="44">
        <v>0</v>
      </c>
      <c r="K43" s="9">
        <v>1</v>
      </c>
      <c r="L43" s="45">
        <v>2</v>
      </c>
    </row>
    <row r="44" spans="2:12" x14ac:dyDescent="0.15">
      <c r="B44" s="75"/>
      <c r="C44" s="46" t="s">
        <v>55</v>
      </c>
      <c r="D44" s="46" t="s">
        <v>52</v>
      </c>
      <c r="E44" s="73">
        <v>10</v>
      </c>
      <c r="F44" s="8">
        <v>11</v>
      </c>
      <c r="G44" s="44">
        <v>11</v>
      </c>
      <c r="H44" s="44">
        <v>0</v>
      </c>
      <c r="I44" s="44">
        <v>10</v>
      </c>
      <c r="J44" s="44">
        <v>0</v>
      </c>
      <c r="K44" s="9">
        <v>1.1000000000000001</v>
      </c>
      <c r="L44" s="45">
        <v>0</v>
      </c>
    </row>
    <row r="45" spans="2:12" x14ac:dyDescent="0.15">
      <c r="B45" s="75"/>
      <c r="C45" s="46" t="s">
        <v>56</v>
      </c>
      <c r="D45" s="46" t="s">
        <v>44</v>
      </c>
      <c r="E45" s="73">
        <v>10</v>
      </c>
      <c r="F45" s="8">
        <v>8</v>
      </c>
      <c r="G45" s="44">
        <v>8</v>
      </c>
      <c r="H45" s="44">
        <v>0</v>
      </c>
      <c r="I45" s="44">
        <v>8</v>
      </c>
      <c r="J45" s="44">
        <v>0</v>
      </c>
      <c r="K45" s="9">
        <v>1</v>
      </c>
      <c r="L45" s="45">
        <v>2</v>
      </c>
    </row>
    <row r="46" spans="2:12" x14ac:dyDescent="0.15">
      <c r="B46" s="75"/>
      <c r="C46" s="46" t="s">
        <v>57</v>
      </c>
      <c r="D46" s="46" t="s">
        <v>52</v>
      </c>
      <c r="E46" s="73">
        <v>10</v>
      </c>
      <c r="F46" s="8">
        <v>10</v>
      </c>
      <c r="G46" s="44">
        <v>10</v>
      </c>
      <c r="H46" s="44">
        <v>0</v>
      </c>
      <c r="I46" s="44">
        <v>10</v>
      </c>
      <c r="J46" s="44">
        <v>0</v>
      </c>
      <c r="K46" s="9">
        <v>1</v>
      </c>
      <c r="L46" s="45">
        <v>0</v>
      </c>
    </row>
    <row r="47" spans="2:12" x14ac:dyDescent="0.15">
      <c r="B47" s="15"/>
      <c r="C47" s="7" t="s">
        <v>58</v>
      </c>
      <c r="D47" s="7" t="s">
        <v>42</v>
      </c>
      <c r="E47" s="73">
        <v>10</v>
      </c>
      <c r="F47" s="8">
        <v>14</v>
      </c>
      <c r="G47" s="44">
        <v>14</v>
      </c>
      <c r="H47" s="44">
        <v>0</v>
      </c>
      <c r="I47" s="44">
        <v>10</v>
      </c>
      <c r="J47" s="44">
        <v>0</v>
      </c>
      <c r="K47" s="9">
        <v>1.4</v>
      </c>
      <c r="L47" s="45">
        <v>0</v>
      </c>
    </row>
    <row r="48" spans="2:12" x14ac:dyDescent="0.15">
      <c r="B48" s="15"/>
      <c r="C48" s="46" t="s">
        <v>59</v>
      </c>
      <c r="D48" s="46" t="s">
        <v>52</v>
      </c>
      <c r="E48" s="73">
        <v>10</v>
      </c>
      <c r="F48" s="8">
        <v>14</v>
      </c>
      <c r="G48" s="44">
        <v>14</v>
      </c>
      <c r="H48" s="44">
        <v>0</v>
      </c>
      <c r="I48" s="44">
        <v>10</v>
      </c>
      <c r="J48" s="44">
        <v>0</v>
      </c>
      <c r="K48" s="9">
        <v>1.4</v>
      </c>
      <c r="L48" s="45">
        <v>0</v>
      </c>
    </row>
    <row r="49" spans="2:12" x14ac:dyDescent="0.15">
      <c r="B49" s="15"/>
      <c r="C49" s="46" t="s">
        <v>60</v>
      </c>
      <c r="D49" s="46" t="s">
        <v>52</v>
      </c>
      <c r="E49" s="73">
        <v>10</v>
      </c>
      <c r="F49" s="8">
        <v>9</v>
      </c>
      <c r="G49" s="44">
        <v>9</v>
      </c>
      <c r="H49" s="44">
        <v>0</v>
      </c>
      <c r="I49" s="44">
        <v>9</v>
      </c>
      <c r="J49" s="44">
        <v>0</v>
      </c>
      <c r="K49" s="9">
        <v>1</v>
      </c>
      <c r="L49" s="45">
        <v>1</v>
      </c>
    </row>
    <row r="50" spans="2:12" x14ac:dyDescent="0.15">
      <c r="B50" s="15"/>
      <c r="C50" s="7" t="s">
        <v>61</v>
      </c>
      <c r="D50" s="7" t="s">
        <v>42</v>
      </c>
      <c r="E50" s="73">
        <v>15</v>
      </c>
      <c r="F50" s="8">
        <v>20</v>
      </c>
      <c r="G50" s="44">
        <v>20</v>
      </c>
      <c r="H50" s="44">
        <v>0</v>
      </c>
      <c r="I50" s="44">
        <v>15</v>
      </c>
      <c r="J50" s="44">
        <v>2</v>
      </c>
      <c r="K50" s="9">
        <v>1.2</v>
      </c>
      <c r="L50" s="45">
        <v>0</v>
      </c>
    </row>
    <row r="51" spans="2:12" x14ac:dyDescent="0.15">
      <c r="B51" s="15"/>
      <c r="C51" s="7" t="s">
        <v>62</v>
      </c>
      <c r="D51" s="7" t="s">
        <v>52</v>
      </c>
      <c r="E51" s="73">
        <v>15</v>
      </c>
      <c r="F51" s="8">
        <v>10</v>
      </c>
      <c r="G51" s="44">
        <v>10</v>
      </c>
      <c r="H51" s="44">
        <v>0</v>
      </c>
      <c r="I51" s="44">
        <v>10</v>
      </c>
      <c r="J51" s="44">
        <v>0</v>
      </c>
      <c r="K51" s="9">
        <v>1</v>
      </c>
      <c r="L51" s="45">
        <v>5</v>
      </c>
    </row>
    <row r="52" spans="2:12" ht="21.75" customHeight="1" x14ac:dyDescent="0.15">
      <c r="B52" s="15"/>
      <c r="C52" s="54" t="s">
        <v>34</v>
      </c>
      <c r="D52" s="54"/>
      <c r="E52" s="77">
        <v>169</v>
      </c>
      <c r="F52" s="50">
        <v>187</v>
      </c>
      <c r="G52" s="51">
        <v>187</v>
      </c>
      <c r="H52" s="51">
        <v>0</v>
      </c>
      <c r="I52" s="51">
        <v>157</v>
      </c>
      <c r="J52" s="51">
        <v>2</v>
      </c>
      <c r="K52" s="52">
        <v>1.18</v>
      </c>
      <c r="L52" s="53">
        <v>12</v>
      </c>
    </row>
    <row r="53" spans="2:12" ht="21.75" customHeight="1" x14ac:dyDescent="0.15">
      <c r="B53" s="15"/>
      <c r="C53" s="78" t="s">
        <v>63</v>
      </c>
      <c r="D53" s="46" t="s">
        <v>64</v>
      </c>
      <c r="E53" s="73">
        <v>6</v>
      </c>
      <c r="F53" s="8">
        <v>6</v>
      </c>
      <c r="G53" s="44">
        <v>6</v>
      </c>
      <c r="H53" s="44">
        <v>0</v>
      </c>
      <c r="I53" s="44">
        <v>6</v>
      </c>
      <c r="J53" s="44">
        <v>0</v>
      </c>
      <c r="K53" s="9">
        <v>1</v>
      </c>
      <c r="L53" s="45">
        <v>0</v>
      </c>
    </row>
    <row r="54" spans="2:12" ht="13.5" customHeight="1" x14ac:dyDescent="0.15">
      <c r="B54" s="15"/>
      <c r="C54" s="7" t="s">
        <v>65</v>
      </c>
      <c r="D54" s="7" t="s">
        <v>66</v>
      </c>
      <c r="E54" s="73">
        <v>4</v>
      </c>
      <c r="F54" s="8">
        <v>5</v>
      </c>
      <c r="G54" s="44">
        <v>5</v>
      </c>
      <c r="H54" s="44">
        <v>0</v>
      </c>
      <c r="I54" s="44">
        <v>4</v>
      </c>
      <c r="J54" s="44">
        <v>0</v>
      </c>
      <c r="K54" s="9">
        <v>1.25</v>
      </c>
      <c r="L54" s="45">
        <v>0</v>
      </c>
    </row>
    <row r="55" spans="2:12" ht="21.75" customHeight="1" x14ac:dyDescent="0.15">
      <c r="B55" s="15"/>
      <c r="C55" s="54" t="s">
        <v>67</v>
      </c>
      <c r="E55" s="77">
        <v>10</v>
      </c>
      <c r="F55" s="50">
        <v>11</v>
      </c>
      <c r="G55" s="51">
        <v>11</v>
      </c>
      <c r="H55" s="51">
        <v>0</v>
      </c>
      <c r="I55" s="51">
        <v>10</v>
      </c>
      <c r="J55" s="51">
        <v>0</v>
      </c>
      <c r="K55" s="52">
        <v>1.1000000000000001</v>
      </c>
      <c r="L55" s="53">
        <v>0</v>
      </c>
    </row>
    <row r="56" spans="2:12" ht="7.5" customHeight="1" x14ac:dyDescent="0.15">
      <c r="B56" s="15"/>
      <c r="C56" s="55"/>
      <c r="D56" s="55"/>
      <c r="E56" s="73"/>
      <c r="F56" s="8"/>
      <c r="G56" s="44"/>
      <c r="H56" s="44"/>
      <c r="I56" s="44"/>
      <c r="J56" s="44"/>
      <c r="K56" s="79"/>
      <c r="L56" s="45"/>
    </row>
    <row r="57" spans="2:12" ht="7.5" customHeight="1" x14ac:dyDescent="0.15">
      <c r="B57" s="57"/>
      <c r="C57" s="58"/>
      <c r="D57" s="58"/>
      <c r="E57" s="80"/>
      <c r="F57" s="60"/>
      <c r="G57" s="61"/>
      <c r="H57" s="61"/>
      <c r="I57" s="61"/>
      <c r="J57" s="61"/>
      <c r="K57" s="81"/>
      <c r="L57" s="63"/>
    </row>
    <row r="58" spans="2:12" x14ac:dyDescent="0.15">
      <c r="B58" s="15"/>
      <c r="C58" s="419" t="s">
        <v>37</v>
      </c>
      <c r="D58" s="420"/>
      <c r="E58" s="82">
        <v>179</v>
      </c>
      <c r="F58" s="50">
        <v>198</v>
      </c>
      <c r="G58" s="51">
        <v>198</v>
      </c>
      <c r="H58" s="51">
        <v>0</v>
      </c>
      <c r="I58" s="51">
        <v>167</v>
      </c>
      <c r="J58" s="51">
        <v>2</v>
      </c>
      <c r="K58" s="52">
        <v>1.17</v>
      </c>
      <c r="L58" s="53">
        <v>12</v>
      </c>
    </row>
    <row r="59" spans="2:12" ht="7.5" customHeight="1" x14ac:dyDescent="0.15">
      <c r="B59" s="34"/>
      <c r="C59" s="64"/>
      <c r="D59" s="64"/>
      <c r="E59" s="65"/>
      <c r="F59" s="66"/>
      <c r="G59" s="67"/>
      <c r="H59" s="67"/>
      <c r="I59" s="67"/>
      <c r="J59" s="67"/>
      <c r="K59" s="67"/>
      <c r="L59" s="68"/>
    </row>
    <row r="60" spans="2:12" ht="15" customHeight="1" x14ac:dyDescent="0.15">
      <c r="B60" s="426"/>
      <c r="C60" s="426"/>
      <c r="D60" s="426"/>
      <c r="E60" s="426"/>
      <c r="F60" s="426"/>
      <c r="G60" s="426"/>
      <c r="H60" s="426"/>
      <c r="I60" s="426"/>
      <c r="J60" s="426"/>
      <c r="K60" s="426"/>
      <c r="L60" s="426"/>
    </row>
    <row r="61" spans="2:12" ht="14.25" customHeight="1" x14ac:dyDescent="0.15">
      <c r="B61" s="7" t="s">
        <v>68</v>
      </c>
      <c r="E61" s="8"/>
      <c r="F61" s="8"/>
      <c r="L61" s="9"/>
    </row>
    <row r="62" spans="2:12" ht="7.5" customHeight="1" x14ac:dyDescent="0.15">
      <c r="B62" s="10"/>
      <c r="C62" s="11"/>
      <c r="D62" s="11"/>
      <c r="E62" s="12"/>
      <c r="F62" s="12"/>
      <c r="G62" s="13"/>
      <c r="H62" s="13"/>
      <c r="I62" s="13"/>
      <c r="J62" s="13"/>
      <c r="K62" s="13"/>
      <c r="L62" s="14"/>
    </row>
    <row r="63" spans="2:12" ht="15.75" customHeight="1" x14ac:dyDescent="0.15">
      <c r="B63" s="15"/>
      <c r="E63" s="16"/>
      <c r="F63" s="17"/>
      <c r="G63" s="18" t="s">
        <v>2</v>
      </c>
      <c r="H63" s="18"/>
      <c r="I63" s="19"/>
      <c r="J63" s="19" t="s">
        <v>3</v>
      </c>
      <c r="K63" s="20"/>
      <c r="L63" s="21"/>
    </row>
    <row r="64" spans="2:12" ht="14.25" customHeight="1" x14ac:dyDescent="0.15">
      <c r="B64" s="15"/>
      <c r="C64" s="7" t="s">
        <v>4</v>
      </c>
      <c r="D64" s="7" t="s">
        <v>69</v>
      </c>
      <c r="E64" s="22" t="s">
        <v>6</v>
      </c>
      <c r="F64" s="22" t="s">
        <v>7</v>
      </c>
      <c r="G64" s="23" t="s">
        <v>8</v>
      </c>
      <c r="H64" s="24" t="s">
        <v>9</v>
      </c>
      <c r="I64" s="25" t="s">
        <v>10</v>
      </c>
      <c r="J64" s="25" t="s">
        <v>11</v>
      </c>
      <c r="K64" s="24" t="s">
        <v>12</v>
      </c>
      <c r="L64" s="26" t="s">
        <v>13</v>
      </c>
    </row>
    <row r="65" spans="2:12" ht="14.25" customHeight="1" x14ac:dyDescent="0.15">
      <c r="B65" s="15"/>
      <c r="C65" s="27"/>
      <c r="D65" s="28"/>
      <c r="E65" s="29"/>
      <c r="F65" s="30" t="s">
        <v>14</v>
      </c>
      <c r="G65" s="31" t="s">
        <v>15</v>
      </c>
      <c r="H65" s="31" t="s">
        <v>16</v>
      </c>
      <c r="I65" s="29" t="s">
        <v>17</v>
      </c>
      <c r="J65" s="29" t="s">
        <v>18</v>
      </c>
      <c r="K65" s="32" t="s">
        <v>19</v>
      </c>
      <c r="L65" s="33"/>
    </row>
    <row r="66" spans="2:12" ht="7.5" customHeight="1" x14ac:dyDescent="0.15">
      <c r="B66" s="34"/>
      <c r="C66" s="35"/>
      <c r="D66" s="36"/>
      <c r="E66" s="37"/>
      <c r="F66" s="37"/>
      <c r="G66" s="38"/>
      <c r="H66" s="39"/>
      <c r="I66" s="40"/>
      <c r="J66" s="40"/>
      <c r="K66" s="40"/>
      <c r="L66" s="41"/>
    </row>
    <row r="67" spans="2:12" ht="7.5" customHeight="1" x14ac:dyDescent="0.15">
      <c r="B67" s="10"/>
      <c r="C67" s="27"/>
      <c r="D67" s="27"/>
      <c r="E67" s="83"/>
      <c r="F67" s="84"/>
      <c r="G67" s="76"/>
      <c r="H67" s="76"/>
      <c r="I67" s="85"/>
      <c r="J67" s="85"/>
      <c r="K67" s="85"/>
      <c r="L67" s="86"/>
    </row>
    <row r="68" spans="2:12" ht="17.25" customHeight="1" x14ac:dyDescent="0.15">
      <c r="B68" s="15"/>
      <c r="C68" s="87" t="s">
        <v>70</v>
      </c>
      <c r="D68" s="87" t="s">
        <v>71</v>
      </c>
      <c r="E68" s="73">
        <v>15</v>
      </c>
      <c r="F68" s="8">
        <v>14</v>
      </c>
      <c r="G68" s="44">
        <v>14</v>
      </c>
      <c r="H68" s="44">
        <v>0</v>
      </c>
      <c r="I68" s="44">
        <v>14</v>
      </c>
      <c r="J68" s="44">
        <v>0</v>
      </c>
      <c r="K68" s="9">
        <v>1</v>
      </c>
      <c r="L68" s="45">
        <v>1</v>
      </c>
    </row>
    <row r="69" spans="2:12" x14ac:dyDescent="0.15">
      <c r="B69" s="15"/>
      <c r="C69" s="87" t="s">
        <v>24</v>
      </c>
      <c r="D69" s="87" t="s">
        <v>72</v>
      </c>
      <c r="E69" s="73">
        <v>15</v>
      </c>
      <c r="F69" s="8">
        <v>12</v>
      </c>
      <c r="G69" s="44">
        <v>12</v>
      </c>
      <c r="H69" s="44">
        <v>0</v>
      </c>
      <c r="I69" s="44">
        <v>12</v>
      </c>
      <c r="J69" s="44">
        <v>0</v>
      </c>
      <c r="K69" s="9">
        <v>1</v>
      </c>
      <c r="L69" s="45">
        <v>3</v>
      </c>
    </row>
    <row r="70" spans="2:12" x14ac:dyDescent="0.15">
      <c r="B70" s="15"/>
      <c r="C70" s="88"/>
      <c r="D70" s="54" t="s">
        <v>26</v>
      </c>
      <c r="E70" s="89">
        <v>30</v>
      </c>
      <c r="F70" s="50">
        <v>26</v>
      </c>
      <c r="G70" s="51">
        <v>26</v>
      </c>
      <c r="H70" s="51">
        <v>0</v>
      </c>
      <c r="I70" s="51">
        <v>26</v>
      </c>
      <c r="J70" s="51">
        <v>0</v>
      </c>
      <c r="K70" s="52">
        <v>1</v>
      </c>
      <c r="L70" s="53">
        <v>4</v>
      </c>
    </row>
    <row r="71" spans="2:12" ht="18.75" customHeight="1" x14ac:dyDescent="0.15">
      <c r="B71" s="15"/>
      <c r="C71" s="7" t="s">
        <v>73</v>
      </c>
      <c r="D71" s="7" t="s">
        <v>74</v>
      </c>
      <c r="E71" s="73">
        <v>15</v>
      </c>
      <c r="F71" s="8">
        <v>16</v>
      </c>
      <c r="G71" s="44">
        <v>16</v>
      </c>
      <c r="H71" s="44">
        <v>0</v>
      </c>
      <c r="I71" s="44">
        <v>15</v>
      </c>
      <c r="J71" s="44">
        <v>0</v>
      </c>
      <c r="K71" s="9">
        <v>1.07</v>
      </c>
      <c r="L71" s="45">
        <v>0</v>
      </c>
    </row>
    <row r="72" spans="2:12" x14ac:dyDescent="0.15">
      <c r="B72" s="15"/>
      <c r="C72" s="7" t="s">
        <v>47</v>
      </c>
      <c r="D72" s="7" t="s">
        <v>75</v>
      </c>
      <c r="E72" s="73">
        <v>15</v>
      </c>
      <c r="F72" s="8">
        <v>4</v>
      </c>
      <c r="G72" s="44">
        <v>4</v>
      </c>
      <c r="H72" s="44">
        <v>0</v>
      </c>
      <c r="I72" s="44">
        <v>5</v>
      </c>
      <c r="J72" s="44">
        <v>0</v>
      </c>
      <c r="K72" s="9">
        <v>0.8</v>
      </c>
      <c r="L72" s="45">
        <v>10</v>
      </c>
    </row>
    <row r="73" spans="2:12" x14ac:dyDescent="0.15">
      <c r="B73" s="15"/>
      <c r="D73" s="54" t="s">
        <v>26</v>
      </c>
      <c r="E73" s="89">
        <v>30</v>
      </c>
      <c r="F73" s="50">
        <v>20</v>
      </c>
      <c r="G73" s="51">
        <v>20</v>
      </c>
      <c r="H73" s="51">
        <v>0</v>
      </c>
      <c r="I73" s="51">
        <v>20</v>
      </c>
      <c r="J73" s="51">
        <v>0</v>
      </c>
      <c r="K73" s="52">
        <v>1</v>
      </c>
      <c r="L73" s="53">
        <v>10</v>
      </c>
    </row>
    <row r="74" spans="2:12" ht="16.899999999999999" customHeight="1" x14ac:dyDescent="0.15">
      <c r="B74" s="15"/>
      <c r="C74" s="90" t="s">
        <v>34</v>
      </c>
      <c r="D74" s="91"/>
      <c r="E74" s="89">
        <v>60</v>
      </c>
      <c r="F74" s="50">
        <v>46</v>
      </c>
      <c r="G74" s="51">
        <v>46</v>
      </c>
      <c r="H74" s="51">
        <v>0</v>
      </c>
      <c r="I74" s="51">
        <v>46</v>
      </c>
      <c r="J74" s="51">
        <v>0</v>
      </c>
      <c r="K74" s="52">
        <v>1</v>
      </c>
      <c r="L74" s="53">
        <v>14</v>
      </c>
    </row>
    <row r="75" spans="2:12" ht="16.899999999999999" customHeight="1" x14ac:dyDescent="0.15">
      <c r="B75" s="15"/>
      <c r="C75" s="46" t="s">
        <v>76</v>
      </c>
      <c r="D75" s="7" t="s">
        <v>77</v>
      </c>
      <c r="E75" s="73">
        <v>10</v>
      </c>
      <c r="F75" s="8">
        <v>17</v>
      </c>
      <c r="G75" s="44">
        <v>17</v>
      </c>
      <c r="H75" s="44">
        <v>0</v>
      </c>
      <c r="I75" s="44">
        <v>10</v>
      </c>
      <c r="J75" s="44">
        <v>0</v>
      </c>
      <c r="K75" s="9">
        <v>1.7</v>
      </c>
      <c r="L75" s="45">
        <v>0</v>
      </c>
    </row>
    <row r="76" spans="2:12" ht="16.899999999999999" customHeight="1" x14ac:dyDescent="0.15">
      <c r="B76" s="15"/>
      <c r="C76" s="46" t="s">
        <v>78</v>
      </c>
      <c r="D76" s="7" t="s">
        <v>79</v>
      </c>
      <c r="E76" s="73">
        <v>8</v>
      </c>
      <c r="F76" s="8">
        <v>3</v>
      </c>
      <c r="G76" s="44">
        <v>3</v>
      </c>
      <c r="H76" s="44">
        <v>0</v>
      </c>
      <c r="I76" s="44">
        <v>3</v>
      </c>
      <c r="J76" s="44">
        <v>0</v>
      </c>
      <c r="K76" s="9">
        <v>1</v>
      </c>
      <c r="L76" s="45">
        <v>5</v>
      </c>
    </row>
    <row r="77" spans="2:12" ht="16.899999999999999" customHeight="1" x14ac:dyDescent="0.15">
      <c r="B77" s="15"/>
      <c r="C77" s="90" t="s">
        <v>67</v>
      </c>
      <c r="D77" s="91"/>
      <c r="E77" s="89">
        <v>18</v>
      </c>
      <c r="F77" s="50">
        <v>20</v>
      </c>
      <c r="G77" s="51">
        <v>20</v>
      </c>
      <c r="H77" s="51">
        <v>0</v>
      </c>
      <c r="I77" s="51">
        <v>13</v>
      </c>
      <c r="J77" s="51">
        <v>0</v>
      </c>
      <c r="K77" s="52">
        <v>1.54</v>
      </c>
      <c r="L77" s="53">
        <v>5</v>
      </c>
    </row>
    <row r="78" spans="2:12" ht="7.5" customHeight="1" x14ac:dyDescent="0.15">
      <c r="B78" s="15"/>
      <c r="C78" s="55"/>
      <c r="D78" s="55"/>
      <c r="E78" s="73"/>
      <c r="F78" s="8"/>
      <c r="G78" s="44"/>
      <c r="H78" s="44"/>
      <c r="I78" s="44"/>
      <c r="J78" s="44"/>
      <c r="K78" s="79"/>
      <c r="L78" s="45"/>
    </row>
    <row r="79" spans="2:12" ht="7.5" customHeight="1" x14ac:dyDescent="0.15">
      <c r="B79" s="57"/>
      <c r="C79" s="58"/>
      <c r="D79" s="58"/>
      <c r="E79" s="80"/>
      <c r="F79" s="60"/>
      <c r="G79" s="61"/>
      <c r="H79" s="61"/>
      <c r="I79" s="61"/>
      <c r="J79" s="61"/>
      <c r="K79" s="81"/>
      <c r="L79" s="63"/>
    </row>
    <row r="80" spans="2:12" x14ac:dyDescent="0.15">
      <c r="B80" s="15"/>
      <c r="C80" s="419" t="s">
        <v>37</v>
      </c>
      <c r="D80" s="420"/>
      <c r="E80" s="82">
        <v>78</v>
      </c>
      <c r="F80" s="50">
        <v>66</v>
      </c>
      <c r="G80" s="51">
        <v>66</v>
      </c>
      <c r="H80" s="51">
        <v>0</v>
      </c>
      <c r="I80" s="51">
        <v>59</v>
      </c>
      <c r="J80" s="51">
        <v>0</v>
      </c>
      <c r="K80" s="52">
        <v>1.1200000000000001</v>
      </c>
      <c r="L80" s="53">
        <v>19</v>
      </c>
    </row>
    <row r="81" spans="2:12" ht="7.5" customHeight="1" x14ac:dyDescent="0.15">
      <c r="B81" s="34"/>
      <c r="C81" s="64"/>
      <c r="D81" s="64"/>
      <c r="E81" s="65"/>
      <c r="F81" s="66"/>
      <c r="G81" s="67"/>
      <c r="H81" s="67"/>
      <c r="I81" s="67"/>
      <c r="J81" s="67"/>
      <c r="K81" s="67"/>
      <c r="L81" s="68"/>
    </row>
    <row r="82" spans="2:12" ht="13.15" customHeight="1" x14ac:dyDescent="0.15">
      <c r="B82" s="69" t="s">
        <v>80</v>
      </c>
      <c r="C82" s="92"/>
      <c r="D82" s="92"/>
      <c r="E82" s="92"/>
      <c r="F82" s="92"/>
      <c r="G82" s="92"/>
      <c r="H82" s="92"/>
      <c r="I82" s="92"/>
      <c r="J82" s="92"/>
      <c r="K82" s="92"/>
      <c r="L82" s="92"/>
    </row>
    <row r="83" spans="2:12" ht="13.15" customHeight="1" x14ac:dyDescent="0.15">
      <c r="B83" s="69"/>
      <c r="C83" s="92"/>
      <c r="D83" s="92"/>
      <c r="E83" s="92"/>
      <c r="F83" s="92"/>
      <c r="G83" s="92"/>
      <c r="H83" s="92"/>
      <c r="I83" s="92"/>
      <c r="J83" s="92"/>
      <c r="K83" s="92"/>
      <c r="L83" s="92"/>
    </row>
    <row r="84" spans="2:12" ht="14.25" customHeight="1" x14ac:dyDescent="0.15">
      <c r="B84" s="7" t="s">
        <v>81</v>
      </c>
      <c r="E84" s="8"/>
      <c r="F84" s="8"/>
      <c r="L84" s="9"/>
    </row>
    <row r="85" spans="2:12" ht="7.5" customHeight="1" x14ac:dyDescent="0.15">
      <c r="B85" s="10"/>
      <c r="C85" s="11"/>
      <c r="D85" s="11"/>
      <c r="E85" s="12"/>
      <c r="F85" s="12"/>
      <c r="G85" s="13"/>
      <c r="H85" s="13"/>
      <c r="I85" s="13"/>
      <c r="J85" s="13"/>
      <c r="K85" s="13"/>
      <c r="L85" s="14"/>
    </row>
    <row r="86" spans="2:12" ht="15.75" customHeight="1" x14ac:dyDescent="0.15">
      <c r="B86" s="15"/>
      <c r="E86" s="16"/>
      <c r="F86" s="17"/>
      <c r="G86" s="18" t="s">
        <v>2</v>
      </c>
      <c r="H86" s="18"/>
      <c r="I86" s="19"/>
      <c r="J86" s="19" t="s">
        <v>3</v>
      </c>
      <c r="K86" s="20"/>
      <c r="L86" s="21"/>
    </row>
    <row r="87" spans="2:12" ht="14.25" customHeight="1" x14ac:dyDescent="0.15">
      <c r="B87" s="15"/>
      <c r="C87" s="7" t="s">
        <v>4</v>
      </c>
      <c r="D87" s="7" t="s">
        <v>40</v>
      </c>
      <c r="E87" s="22" t="s">
        <v>6</v>
      </c>
      <c r="F87" s="22" t="s">
        <v>7</v>
      </c>
      <c r="G87" s="23" t="s">
        <v>82</v>
      </c>
      <c r="H87" s="24" t="s">
        <v>9</v>
      </c>
      <c r="I87" s="25" t="s">
        <v>10</v>
      </c>
      <c r="J87" s="25" t="s">
        <v>11</v>
      </c>
      <c r="K87" s="24" t="s">
        <v>12</v>
      </c>
      <c r="L87" s="26" t="s">
        <v>13</v>
      </c>
    </row>
    <row r="88" spans="2:12" ht="14.25" customHeight="1" x14ac:dyDescent="0.15">
      <c r="B88" s="15"/>
      <c r="C88" s="27"/>
      <c r="D88" s="28"/>
      <c r="E88" s="29"/>
      <c r="F88" s="30" t="s">
        <v>14</v>
      </c>
      <c r="G88" s="31" t="s">
        <v>15</v>
      </c>
      <c r="H88" s="31" t="s">
        <v>16</v>
      </c>
      <c r="I88" s="29" t="s">
        <v>17</v>
      </c>
      <c r="J88" s="29" t="s">
        <v>18</v>
      </c>
      <c r="K88" s="32" t="s">
        <v>19</v>
      </c>
      <c r="L88" s="33"/>
    </row>
    <row r="89" spans="2:12" ht="7.5" customHeight="1" x14ac:dyDescent="0.15">
      <c r="B89" s="34"/>
      <c r="C89" s="35"/>
      <c r="D89" s="36"/>
      <c r="E89" s="37"/>
      <c r="F89" s="37"/>
      <c r="G89" s="38"/>
      <c r="H89" s="39"/>
      <c r="I89" s="40"/>
      <c r="J89" s="40"/>
      <c r="K89" s="40"/>
      <c r="L89" s="41"/>
    </row>
    <row r="90" spans="2:12" ht="7.5" customHeight="1" x14ac:dyDescent="0.15">
      <c r="B90" s="10"/>
      <c r="C90" s="27"/>
      <c r="D90" s="27"/>
      <c r="E90" s="42"/>
      <c r="F90" s="71"/>
      <c r="G90" s="27"/>
      <c r="H90" s="27"/>
      <c r="I90" s="27"/>
      <c r="J90" s="27"/>
      <c r="K90" s="27"/>
      <c r="L90" s="72"/>
    </row>
    <row r="91" spans="2:12" ht="12.95" customHeight="1" x14ac:dyDescent="0.15">
      <c r="B91" s="15"/>
      <c r="C91" s="93" t="s">
        <v>83</v>
      </c>
      <c r="D91" s="93" t="s">
        <v>84</v>
      </c>
      <c r="E91" s="73">
        <v>21</v>
      </c>
      <c r="F91" s="8">
        <v>19</v>
      </c>
      <c r="G91" s="44">
        <v>19</v>
      </c>
      <c r="H91" s="44">
        <v>0</v>
      </c>
      <c r="I91" s="44">
        <v>19</v>
      </c>
      <c r="J91" s="44">
        <v>0</v>
      </c>
      <c r="K91" s="9">
        <v>1</v>
      </c>
      <c r="L91" s="45">
        <v>2</v>
      </c>
    </row>
    <row r="92" spans="2:12" ht="12.95" customHeight="1" x14ac:dyDescent="0.15">
      <c r="B92" s="15"/>
      <c r="C92" s="93" t="s">
        <v>85</v>
      </c>
      <c r="D92" s="93" t="s">
        <v>84</v>
      </c>
      <c r="E92" s="73">
        <v>21</v>
      </c>
      <c r="F92" s="8">
        <v>20</v>
      </c>
      <c r="G92" s="44">
        <v>20</v>
      </c>
      <c r="H92" s="44">
        <v>0</v>
      </c>
      <c r="I92" s="44">
        <v>20</v>
      </c>
      <c r="J92" s="44">
        <v>0</v>
      </c>
      <c r="K92" s="9">
        <v>1</v>
      </c>
      <c r="L92" s="45">
        <v>1</v>
      </c>
    </row>
    <row r="93" spans="2:12" ht="12.95" customHeight="1" x14ac:dyDescent="0.15">
      <c r="B93" s="15"/>
      <c r="C93" s="93" t="s">
        <v>86</v>
      </c>
      <c r="D93" s="93" t="s">
        <v>84</v>
      </c>
      <c r="E93" s="73">
        <v>21</v>
      </c>
      <c r="F93" s="8">
        <v>15</v>
      </c>
      <c r="G93" s="44">
        <v>15</v>
      </c>
      <c r="H93" s="44">
        <v>0</v>
      </c>
      <c r="I93" s="44">
        <v>15</v>
      </c>
      <c r="J93" s="44">
        <v>0</v>
      </c>
      <c r="K93" s="9">
        <v>1</v>
      </c>
      <c r="L93" s="45">
        <v>6</v>
      </c>
    </row>
    <row r="94" spans="2:12" ht="12.95" customHeight="1" x14ac:dyDescent="0.15">
      <c r="B94" s="15"/>
      <c r="C94" s="93" t="s">
        <v>87</v>
      </c>
      <c r="D94" s="93" t="s">
        <v>84</v>
      </c>
      <c r="E94" s="73">
        <v>21</v>
      </c>
      <c r="F94" s="8">
        <v>13</v>
      </c>
      <c r="G94" s="44">
        <v>13</v>
      </c>
      <c r="H94" s="44">
        <v>0</v>
      </c>
      <c r="I94" s="44">
        <v>13</v>
      </c>
      <c r="J94" s="44">
        <v>0</v>
      </c>
      <c r="K94" s="9">
        <v>1</v>
      </c>
      <c r="L94" s="45">
        <v>8</v>
      </c>
    </row>
    <row r="95" spans="2:12" ht="12.95" customHeight="1" x14ac:dyDescent="0.15">
      <c r="B95" s="15"/>
      <c r="C95" s="93" t="s">
        <v>88</v>
      </c>
      <c r="D95" s="93" t="s">
        <v>84</v>
      </c>
      <c r="E95" s="73">
        <v>21</v>
      </c>
      <c r="F95" s="8">
        <v>16</v>
      </c>
      <c r="G95" s="44">
        <v>16</v>
      </c>
      <c r="H95" s="44">
        <v>0</v>
      </c>
      <c r="I95" s="44">
        <v>16</v>
      </c>
      <c r="J95" s="44">
        <v>0</v>
      </c>
      <c r="K95" s="9">
        <v>1</v>
      </c>
      <c r="L95" s="45">
        <v>5</v>
      </c>
    </row>
    <row r="96" spans="2:12" ht="12.95" customHeight="1" x14ac:dyDescent="0.15">
      <c r="B96" s="15"/>
      <c r="C96" s="93" t="s">
        <v>89</v>
      </c>
      <c r="D96" s="93" t="s">
        <v>84</v>
      </c>
      <c r="E96" s="73">
        <v>21</v>
      </c>
      <c r="F96" s="8">
        <v>19</v>
      </c>
      <c r="G96" s="44">
        <v>19</v>
      </c>
      <c r="H96" s="44">
        <v>0</v>
      </c>
      <c r="I96" s="44">
        <v>19</v>
      </c>
      <c r="J96" s="44">
        <v>0</v>
      </c>
      <c r="K96" s="9">
        <v>1</v>
      </c>
      <c r="L96" s="45">
        <v>2</v>
      </c>
    </row>
    <row r="97" spans="2:12" ht="12.95" customHeight="1" x14ac:dyDescent="0.15">
      <c r="B97" s="15"/>
      <c r="C97" s="93" t="s">
        <v>90</v>
      </c>
      <c r="D97" s="93" t="s">
        <v>84</v>
      </c>
      <c r="E97" s="73">
        <v>21</v>
      </c>
      <c r="F97" s="8">
        <v>19</v>
      </c>
      <c r="G97" s="44">
        <v>19</v>
      </c>
      <c r="H97" s="44">
        <v>0</v>
      </c>
      <c r="I97" s="44">
        <v>19</v>
      </c>
      <c r="J97" s="44">
        <v>0</v>
      </c>
      <c r="K97" s="9">
        <v>1</v>
      </c>
      <c r="L97" s="45">
        <v>2</v>
      </c>
    </row>
    <row r="98" spans="2:12" ht="12.95" customHeight="1" x14ac:dyDescent="0.15">
      <c r="B98" s="15"/>
      <c r="C98" s="93" t="s">
        <v>91</v>
      </c>
      <c r="D98" s="93" t="s">
        <v>84</v>
      </c>
      <c r="E98" s="73">
        <v>21</v>
      </c>
      <c r="F98" s="8">
        <v>7</v>
      </c>
      <c r="G98" s="44">
        <v>7</v>
      </c>
      <c r="H98" s="44">
        <v>0</v>
      </c>
      <c r="I98" s="44">
        <v>7</v>
      </c>
      <c r="J98" s="44">
        <v>0</v>
      </c>
      <c r="K98" s="9">
        <v>1</v>
      </c>
      <c r="L98" s="45">
        <v>14</v>
      </c>
    </row>
    <row r="99" spans="2:12" ht="12.95" customHeight="1" x14ac:dyDescent="0.15">
      <c r="B99" s="15"/>
      <c r="C99" s="93" t="s">
        <v>92</v>
      </c>
      <c r="D99" s="93" t="s">
        <v>84</v>
      </c>
      <c r="E99" s="73">
        <v>21</v>
      </c>
      <c r="F99" s="8">
        <v>29</v>
      </c>
      <c r="G99" s="44">
        <v>29</v>
      </c>
      <c r="H99" s="44">
        <v>0</v>
      </c>
      <c r="I99" s="44">
        <v>21</v>
      </c>
      <c r="J99" s="44">
        <v>0</v>
      </c>
      <c r="K99" s="9">
        <v>1.38</v>
      </c>
      <c r="L99" s="45">
        <v>0</v>
      </c>
    </row>
    <row r="100" spans="2:12" ht="12.95" customHeight="1" x14ac:dyDescent="0.15">
      <c r="B100" s="15"/>
      <c r="C100" s="93" t="s">
        <v>93</v>
      </c>
      <c r="D100" s="93" t="s">
        <v>84</v>
      </c>
      <c r="E100" s="73">
        <v>21</v>
      </c>
      <c r="F100" s="8">
        <v>5</v>
      </c>
      <c r="G100" s="44">
        <v>5</v>
      </c>
      <c r="H100" s="44">
        <v>0</v>
      </c>
      <c r="I100" s="44">
        <v>5</v>
      </c>
      <c r="J100" s="44">
        <v>0</v>
      </c>
      <c r="K100" s="9">
        <v>1</v>
      </c>
      <c r="L100" s="45">
        <v>16</v>
      </c>
    </row>
    <row r="101" spans="2:12" ht="12.95" customHeight="1" x14ac:dyDescent="0.15">
      <c r="B101" s="15"/>
      <c r="C101" s="93" t="s">
        <v>94</v>
      </c>
      <c r="D101" s="93" t="s">
        <v>84</v>
      </c>
      <c r="E101" s="73">
        <v>21</v>
      </c>
      <c r="F101" s="8">
        <v>10</v>
      </c>
      <c r="G101" s="44">
        <v>10</v>
      </c>
      <c r="H101" s="44">
        <v>0</v>
      </c>
      <c r="I101" s="44">
        <v>10</v>
      </c>
      <c r="J101" s="44">
        <v>0</v>
      </c>
      <c r="K101" s="9">
        <v>1</v>
      </c>
      <c r="L101" s="45">
        <v>11</v>
      </c>
    </row>
    <row r="102" spans="2:12" ht="12.75" customHeight="1" x14ac:dyDescent="0.15">
      <c r="B102" s="15"/>
      <c r="C102" s="93" t="s">
        <v>95</v>
      </c>
      <c r="D102" s="93" t="s">
        <v>84</v>
      </c>
      <c r="E102" s="73">
        <v>21</v>
      </c>
      <c r="F102" s="8">
        <v>20</v>
      </c>
      <c r="G102" s="44">
        <v>20</v>
      </c>
      <c r="H102" s="44">
        <v>0</v>
      </c>
      <c r="I102" s="44">
        <v>20</v>
      </c>
      <c r="J102" s="44">
        <v>0</v>
      </c>
      <c r="K102" s="9">
        <v>1</v>
      </c>
      <c r="L102" s="45">
        <v>1</v>
      </c>
    </row>
    <row r="103" spans="2:12" ht="12.75" customHeight="1" x14ac:dyDescent="0.15">
      <c r="B103" s="15"/>
      <c r="C103" s="93" t="s">
        <v>96</v>
      </c>
      <c r="D103" s="93" t="s">
        <v>84</v>
      </c>
      <c r="E103" s="73">
        <v>21</v>
      </c>
      <c r="F103" s="8">
        <v>8</v>
      </c>
      <c r="G103" s="44">
        <v>8</v>
      </c>
      <c r="H103" s="44">
        <v>0</v>
      </c>
      <c r="I103" s="44">
        <v>8</v>
      </c>
      <c r="J103" s="44">
        <v>0</v>
      </c>
      <c r="K103" s="9">
        <v>1</v>
      </c>
      <c r="L103" s="45">
        <v>13</v>
      </c>
    </row>
    <row r="104" spans="2:12" ht="12.95" customHeight="1" x14ac:dyDescent="0.15">
      <c r="B104" s="15"/>
      <c r="C104" s="93" t="s">
        <v>97</v>
      </c>
      <c r="D104" s="93" t="s">
        <v>84</v>
      </c>
      <c r="E104" s="73">
        <v>21</v>
      </c>
      <c r="F104" s="8">
        <v>14</v>
      </c>
      <c r="G104" s="44">
        <v>14</v>
      </c>
      <c r="H104" s="44">
        <v>0</v>
      </c>
      <c r="I104" s="44">
        <v>14</v>
      </c>
      <c r="J104" s="44">
        <v>0</v>
      </c>
      <c r="K104" s="9">
        <v>1</v>
      </c>
      <c r="L104" s="45">
        <v>7</v>
      </c>
    </row>
    <row r="105" spans="2:12" ht="12.95" customHeight="1" x14ac:dyDescent="0.15">
      <c r="B105" s="15"/>
      <c r="C105" s="93" t="s">
        <v>98</v>
      </c>
      <c r="D105" s="93" t="s">
        <v>84</v>
      </c>
      <c r="E105" s="73">
        <v>21</v>
      </c>
      <c r="F105" s="8">
        <v>18</v>
      </c>
      <c r="G105" s="44">
        <v>17</v>
      </c>
      <c r="H105" s="44">
        <v>1</v>
      </c>
      <c r="I105" s="44">
        <v>18</v>
      </c>
      <c r="J105" s="44">
        <v>0</v>
      </c>
      <c r="K105" s="9">
        <v>1</v>
      </c>
      <c r="L105" s="45">
        <v>3</v>
      </c>
    </row>
    <row r="106" spans="2:12" ht="12.95" customHeight="1" x14ac:dyDescent="0.15">
      <c r="B106" s="15"/>
      <c r="C106" s="93" t="s">
        <v>99</v>
      </c>
      <c r="D106" s="93" t="s">
        <v>84</v>
      </c>
      <c r="E106" s="73">
        <v>21</v>
      </c>
      <c r="F106" s="8">
        <v>13</v>
      </c>
      <c r="G106" s="44">
        <v>13</v>
      </c>
      <c r="H106" s="44">
        <v>0</v>
      </c>
      <c r="I106" s="44">
        <v>13</v>
      </c>
      <c r="J106" s="44">
        <v>0</v>
      </c>
      <c r="K106" s="9">
        <v>1</v>
      </c>
      <c r="L106" s="45">
        <v>8</v>
      </c>
    </row>
    <row r="107" spans="2:12" ht="12.95" customHeight="1" x14ac:dyDescent="0.15">
      <c r="B107" s="15"/>
      <c r="C107" s="93" t="s">
        <v>100</v>
      </c>
      <c r="D107" s="93" t="s">
        <v>84</v>
      </c>
      <c r="E107" s="73">
        <v>21</v>
      </c>
      <c r="F107" s="8">
        <v>9</v>
      </c>
      <c r="G107" s="44">
        <v>9</v>
      </c>
      <c r="H107" s="44">
        <v>0</v>
      </c>
      <c r="I107" s="44">
        <v>9</v>
      </c>
      <c r="J107" s="44">
        <v>0</v>
      </c>
      <c r="K107" s="9">
        <v>1</v>
      </c>
      <c r="L107" s="45">
        <v>12</v>
      </c>
    </row>
    <row r="108" spans="2:12" ht="12.95" customHeight="1" x14ac:dyDescent="0.15">
      <c r="B108" s="15"/>
      <c r="C108" s="93" t="s">
        <v>101</v>
      </c>
      <c r="D108" s="93" t="s">
        <v>84</v>
      </c>
      <c r="E108" s="73">
        <v>21</v>
      </c>
      <c r="F108" s="8">
        <v>8</v>
      </c>
      <c r="G108" s="44">
        <v>8</v>
      </c>
      <c r="H108" s="44">
        <v>0</v>
      </c>
      <c r="I108" s="44">
        <v>8</v>
      </c>
      <c r="J108" s="44">
        <v>0</v>
      </c>
      <c r="K108" s="9">
        <v>1</v>
      </c>
      <c r="L108" s="45">
        <v>13</v>
      </c>
    </row>
    <row r="109" spans="2:12" ht="7.5" customHeight="1" x14ac:dyDescent="0.15">
      <c r="B109" s="94"/>
      <c r="C109" s="95"/>
      <c r="D109" s="95"/>
      <c r="E109" s="96"/>
      <c r="F109" s="97"/>
      <c r="G109" s="98"/>
      <c r="H109" s="98"/>
      <c r="I109" s="98"/>
      <c r="J109" s="98"/>
      <c r="K109" s="99"/>
      <c r="L109" s="100"/>
    </row>
    <row r="110" spans="2:12" ht="7.5" customHeight="1" x14ac:dyDescent="0.15">
      <c r="B110" s="15"/>
      <c r="C110" s="55"/>
      <c r="D110" s="55"/>
      <c r="E110" s="73"/>
      <c r="F110" s="8"/>
      <c r="G110" s="44"/>
      <c r="H110" s="44"/>
      <c r="I110" s="44"/>
      <c r="J110" s="44"/>
      <c r="K110" s="79"/>
      <c r="L110" s="45"/>
    </row>
    <row r="111" spans="2:12" x14ac:dyDescent="0.15">
      <c r="B111" s="15"/>
      <c r="C111" s="419" t="s">
        <v>37</v>
      </c>
      <c r="D111" s="420"/>
      <c r="E111" s="89">
        <v>378</v>
      </c>
      <c r="F111" s="50">
        <v>262</v>
      </c>
      <c r="G111" s="51">
        <v>261</v>
      </c>
      <c r="H111" s="51">
        <v>1</v>
      </c>
      <c r="I111" s="51">
        <v>254</v>
      </c>
      <c r="J111" s="51">
        <v>0</v>
      </c>
      <c r="K111" s="52">
        <v>1.03</v>
      </c>
      <c r="L111" s="53">
        <v>124</v>
      </c>
    </row>
    <row r="112" spans="2:12" ht="7.5" customHeight="1" x14ac:dyDescent="0.15">
      <c r="B112" s="34"/>
      <c r="C112" s="64"/>
      <c r="D112" s="64"/>
      <c r="E112" s="65"/>
      <c r="F112" s="66"/>
      <c r="G112" s="67"/>
      <c r="H112" s="67"/>
      <c r="I112" s="67"/>
      <c r="J112" s="67"/>
      <c r="K112" s="67"/>
      <c r="L112" s="68"/>
    </row>
    <row r="113" spans="2:12" x14ac:dyDescent="0.15">
      <c r="B113" s="101" t="s">
        <v>102</v>
      </c>
      <c r="E113" s="8"/>
      <c r="F113" s="8"/>
      <c r="L113" s="9"/>
    </row>
    <row r="114" spans="2:12" ht="13.5" customHeight="1" x14ac:dyDescent="0.15">
      <c r="E114" s="8"/>
      <c r="F114" s="8"/>
      <c r="L114" s="9"/>
    </row>
    <row r="115" spans="2:12" ht="14.25" customHeight="1" x14ac:dyDescent="0.15">
      <c r="B115" s="7" t="s">
        <v>103</v>
      </c>
      <c r="E115" s="8"/>
      <c r="F115" s="8"/>
      <c r="L115" s="9"/>
    </row>
    <row r="116" spans="2:12" ht="7.5" customHeight="1" x14ac:dyDescent="0.15">
      <c r="B116" s="10"/>
      <c r="C116" s="11"/>
      <c r="D116" s="11"/>
      <c r="E116" s="12"/>
      <c r="F116" s="12"/>
      <c r="G116" s="13"/>
      <c r="H116" s="13"/>
      <c r="I116" s="13"/>
      <c r="J116" s="13"/>
      <c r="K116" s="13"/>
      <c r="L116" s="14"/>
    </row>
    <row r="117" spans="2:12" ht="15.75" customHeight="1" x14ac:dyDescent="0.15">
      <c r="B117" s="15"/>
      <c r="E117" s="16"/>
      <c r="F117" s="17"/>
      <c r="G117" s="18" t="s">
        <v>2</v>
      </c>
      <c r="H117" s="18"/>
      <c r="I117" s="19"/>
      <c r="J117" s="19" t="s">
        <v>3</v>
      </c>
      <c r="K117" s="20"/>
      <c r="L117" s="21"/>
    </row>
    <row r="118" spans="2:12" ht="14.25" customHeight="1" x14ac:dyDescent="0.15">
      <c r="B118" s="15"/>
      <c r="C118" s="7" t="s">
        <v>4</v>
      </c>
      <c r="D118" s="7" t="s">
        <v>40</v>
      </c>
      <c r="E118" s="22" t="s">
        <v>6</v>
      </c>
      <c r="F118" s="22" t="s">
        <v>7</v>
      </c>
      <c r="G118" s="23" t="s">
        <v>8</v>
      </c>
      <c r="H118" s="24" t="s">
        <v>9</v>
      </c>
      <c r="I118" s="25" t="s">
        <v>10</v>
      </c>
      <c r="J118" s="25" t="s">
        <v>11</v>
      </c>
      <c r="K118" s="24" t="s">
        <v>12</v>
      </c>
      <c r="L118" s="26" t="s">
        <v>13</v>
      </c>
    </row>
    <row r="119" spans="2:12" ht="14.25" customHeight="1" x14ac:dyDescent="0.15">
      <c r="B119" s="15"/>
      <c r="C119" s="27"/>
      <c r="D119" s="28"/>
      <c r="E119" s="29"/>
      <c r="F119" s="30" t="s">
        <v>14</v>
      </c>
      <c r="G119" s="31" t="s">
        <v>15</v>
      </c>
      <c r="H119" s="31" t="s">
        <v>16</v>
      </c>
      <c r="I119" s="29" t="s">
        <v>17</v>
      </c>
      <c r="J119" s="29" t="s">
        <v>18</v>
      </c>
      <c r="K119" s="32" t="s">
        <v>19</v>
      </c>
      <c r="L119" s="33"/>
    </row>
    <row r="120" spans="2:12" ht="7.5" customHeight="1" x14ac:dyDescent="0.15">
      <c r="B120" s="34"/>
      <c r="C120" s="35"/>
      <c r="D120" s="36"/>
      <c r="E120" s="37"/>
      <c r="F120" s="37"/>
      <c r="G120" s="38"/>
      <c r="H120" s="39"/>
      <c r="I120" s="40"/>
      <c r="J120" s="40"/>
      <c r="K120" s="40"/>
      <c r="L120" s="41"/>
    </row>
    <row r="121" spans="2:12" ht="7.5" customHeight="1" x14ac:dyDescent="0.15">
      <c r="B121" s="10"/>
      <c r="C121" s="27"/>
      <c r="D121" s="27"/>
      <c r="E121" s="42"/>
      <c r="F121" s="71"/>
      <c r="G121" s="27"/>
      <c r="H121" s="27"/>
      <c r="I121" s="27"/>
      <c r="J121" s="27"/>
      <c r="K121" s="27"/>
      <c r="L121" s="72"/>
    </row>
    <row r="122" spans="2:12" x14ac:dyDescent="0.15">
      <c r="B122" s="15"/>
      <c r="C122" s="7" t="s">
        <v>104</v>
      </c>
      <c r="D122" s="7" t="s">
        <v>105</v>
      </c>
      <c r="E122" s="73">
        <v>10</v>
      </c>
      <c r="F122" s="8">
        <v>0</v>
      </c>
      <c r="G122" s="44">
        <v>0</v>
      </c>
      <c r="H122" s="44">
        <v>0</v>
      </c>
      <c r="I122" s="44">
        <v>0</v>
      </c>
      <c r="J122" s="44">
        <v>0</v>
      </c>
      <c r="K122" s="9">
        <v>0</v>
      </c>
      <c r="L122" s="45">
        <v>10</v>
      </c>
    </row>
    <row r="123" spans="2:12" x14ac:dyDescent="0.15">
      <c r="B123" s="15"/>
      <c r="C123" s="7" t="s">
        <v>106</v>
      </c>
      <c r="D123" s="7" t="s">
        <v>105</v>
      </c>
      <c r="E123" s="73">
        <v>5</v>
      </c>
      <c r="F123" s="8">
        <v>2</v>
      </c>
      <c r="G123" s="44">
        <v>1</v>
      </c>
      <c r="H123" s="44">
        <v>1</v>
      </c>
      <c r="I123" s="44">
        <v>2</v>
      </c>
      <c r="J123" s="44">
        <v>0</v>
      </c>
      <c r="K123" s="9">
        <v>1</v>
      </c>
      <c r="L123" s="45">
        <v>3</v>
      </c>
    </row>
    <row r="124" spans="2:12" x14ac:dyDescent="0.15">
      <c r="B124" s="15"/>
      <c r="C124" s="7" t="s">
        <v>107</v>
      </c>
      <c r="D124" s="7" t="s">
        <v>108</v>
      </c>
      <c r="E124" s="73">
        <v>10</v>
      </c>
      <c r="F124" s="8">
        <v>0</v>
      </c>
      <c r="G124" s="44">
        <v>0</v>
      </c>
      <c r="H124" s="44">
        <v>0</v>
      </c>
      <c r="I124" s="44">
        <v>0</v>
      </c>
      <c r="J124" s="44">
        <v>0</v>
      </c>
      <c r="K124" s="9">
        <v>0</v>
      </c>
      <c r="L124" s="45">
        <v>10</v>
      </c>
    </row>
    <row r="125" spans="2:12" ht="7.5" customHeight="1" x14ac:dyDescent="0.15">
      <c r="B125" s="15"/>
      <c r="C125" s="55"/>
      <c r="D125" s="55"/>
      <c r="E125" s="73"/>
      <c r="F125" s="8"/>
      <c r="G125" s="44"/>
      <c r="H125" s="44"/>
      <c r="I125" s="44"/>
      <c r="J125" s="44"/>
      <c r="K125" s="79"/>
      <c r="L125" s="45"/>
    </row>
    <row r="126" spans="2:12" ht="7.5" customHeight="1" x14ac:dyDescent="0.15">
      <c r="B126" s="57"/>
      <c r="C126" s="58"/>
      <c r="D126" s="58"/>
      <c r="E126" s="80"/>
      <c r="F126" s="60"/>
      <c r="G126" s="61"/>
      <c r="H126" s="61"/>
      <c r="I126" s="61"/>
      <c r="J126" s="61"/>
      <c r="K126" s="81"/>
      <c r="L126" s="63"/>
    </row>
    <row r="127" spans="2:12" x14ac:dyDescent="0.15">
      <c r="B127" s="15"/>
      <c r="C127" s="419" t="s">
        <v>37</v>
      </c>
      <c r="D127" s="420"/>
      <c r="E127" s="89">
        <v>25</v>
      </c>
      <c r="F127" s="50">
        <v>2</v>
      </c>
      <c r="G127" s="51">
        <v>1</v>
      </c>
      <c r="H127" s="51">
        <v>1</v>
      </c>
      <c r="I127" s="51">
        <v>2</v>
      </c>
      <c r="J127" s="51">
        <v>0</v>
      </c>
      <c r="K127" s="52">
        <v>1</v>
      </c>
      <c r="L127" s="53">
        <v>23</v>
      </c>
    </row>
    <row r="128" spans="2:12" ht="7.5" customHeight="1" x14ac:dyDescent="0.15">
      <c r="B128" s="34"/>
      <c r="C128" s="64"/>
      <c r="D128" s="64"/>
      <c r="E128" s="65"/>
      <c r="F128" s="66"/>
      <c r="G128" s="67"/>
      <c r="H128" s="67"/>
      <c r="I128" s="67"/>
      <c r="J128" s="67"/>
      <c r="K128" s="67"/>
      <c r="L128" s="68"/>
    </row>
    <row r="129" spans="1:12" x14ac:dyDescent="0.15">
      <c r="B129" s="426"/>
      <c r="C129" s="426"/>
      <c r="D129" s="426"/>
      <c r="E129" s="426"/>
      <c r="F129" s="426"/>
      <c r="G129" s="426"/>
      <c r="H129" s="426"/>
      <c r="I129" s="426"/>
      <c r="J129" s="426"/>
      <c r="K129" s="426"/>
      <c r="L129" s="426"/>
    </row>
    <row r="130" spans="1:12" x14ac:dyDescent="0.15">
      <c r="B130" s="102"/>
      <c r="C130" s="102"/>
      <c r="D130" s="102"/>
      <c r="E130" s="102"/>
      <c r="F130" s="102"/>
      <c r="G130" s="102"/>
      <c r="H130" s="102"/>
      <c r="I130" s="102"/>
      <c r="J130" s="102"/>
      <c r="K130" s="102"/>
      <c r="L130" s="102"/>
    </row>
    <row r="131" spans="1:12" s="2" customFormat="1" ht="14.25" x14ac:dyDescent="0.15">
      <c r="A131" s="1" t="s">
        <v>109</v>
      </c>
      <c r="C131" s="3"/>
      <c r="E131" s="4"/>
      <c r="F131" s="4"/>
      <c r="L131" s="5"/>
    </row>
    <row r="132" spans="1:12" s="2" customFormat="1" ht="6.75" customHeight="1" x14ac:dyDescent="0.2">
      <c r="B132" s="6"/>
      <c r="C132" s="3"/>
      <c r="E132" s="4"/>
      <c r="F132" s="4"/>
      <c r="L132" s="5"/>
    </row>
    <row r="133" spans="1:12" ht="14.25" customHeight="1" x14ac:dyDescent="0.15">
      <c r="B133" s="7" t="s">
        <v>110</v>
      </c>
      <c r="E133" s="8"/>
      <c r="F133" s="8"/>
      <c r="L133" s="9"/>
    </row>
    <row r="134" spans="1:12" ht="7.5" customHeight="1" x14ac:dyDescent="0.15">
      <c r="B134" s="10"/>
      <c r="C134" s="11"/>
      <c r="D134" s="11"/>
      <c r="E134" s="12"/>
      <c r="F134" s="12"/>
      <c r="G134" s="13"/>
      <c r="H134" s="13"/>
      <c r="I134" s="13"/>
      <c r="J134" s="13"/>
      <c r="K134" s="13"/>
      <c r="L134" s="14"/>
    </row>
    <row r="135" spans="1:12" ht="15.75" customHeight="1" x14ac:dyDescent="0.15">
      <c r="B135" s="15"/>
      <c r="E135" s="16"/>
      <c r="F135" s="17"/>
      <c r="G135" s="18" t="s">
        <v>2</v>
      </c>
      <c r="H135" s="18"/>
      <c r="I135" s="19"/>
      <c r="J135" s="19" t="s">
        <v>3</v>
      </c>
      <c r="K135" s="20"/>
      <c r="L135" s="21"/>
    </row>
    <row r="136" spans="1:12" ht="14.25" customHeight="1" x14ac:dyDescent="0.15">
      <c r="B136" s="15"/>
      <c r="C136" s="7" t="s">
        <v>4</v>
      </c>
      <c r="D136" s="7" t="s">
        <v>40</v>
      </c>
      <c r="E136" s="22" t="s">
        <v>6</v>
      </c>
      <c r="F136" s="22" t="s">
        <v>7</v>
      </c>
      <c r="G136" s="23" t="s">
        <v>8</v>
      </c>
      <c r="H136" s="24" t="s">
        <v>9</v>
      </c>
      <c r="I136" s="25" t="s">
        <v>10</v>
      </c>
      <c r="J136" s="25" t="s">
        <v>11</v>
      </c>
      <c r="K136" s="24" t="s">
        <v>12</v>
      </c>
      <c r="L136" s="26" t="s">
        <v>13</v>
      </c>
    </row>
    <row r="137" spans="1:12" ht="14.25" customHeight="1" x14ac:dyDescent="0.15">
      <c r="B137" s="15"/>
      <c r="C137" s="27"/>
      <c r="D137" s="28"/>
      <c r="E137" s="29"/>
      <c r="F137" s="30" t="s">
        <v>14</v>
      </c>
      <c r="G137" s="31" t="s">
        <v>15</v>
      </c>
      <c r="H137" s="31" t="s">
        <v>16</v>
      </c>
      <c r="I137" s="29" t="s">
        <v>17</v>
      </c>
      <c r="J137" s="29" t="s">
        <v>18</v>
      </c>
      <c r="K137" s="32" t="s">
        <v>19</v>
      </c>
      <c r="L137" s="33"/>
    </row>
    <row r="138" spans="1:12" ht="7.5" customHeight="1" x14ac:dyDescent="0.15">
      <c r="B138" s="34"/>
      <c r="C138" s="35"/>
      <c r="D138" s="36"/>
      <c r="E138" s="37"/>
      <c r="F138" s="37"/>
      <c r="G138" s="38"/>
      <c r="H138" s="39"/>
      <c r="I138" s="40"/>
      <c r="J138" s="40"/>
      <c r="K138" s="40"/>
      <c r="L138" s="41"/>
    </row>
    <row r="139" spans="1:12" ht="7.5" customHeight="1" x14ac:dyDescent="0.15">
      <c r="B139" s="10"/>
      <c r="C139" s="13"/>
      <c r="D139" s="13"/>
      <c r="E139" s="103"/>
      <c r="F139" s="104"/>
      <c r="G139" s="105"/>
      <c r="H139" s="105"/>
      <c r="I139" s="105"/>
      <c r="J139" s="105"/>
      <c r="K139" s="105"/>
      <c r="L139" s="14"/>
    </row>
    <row r="140" spans="1:12" ht="14.25" customHeight="1" x14ac:dyDescent="0.15">
      <c r="B140" s="15"/>
      <c r="C140" s="7" t="s">
        <v>111</v>
      </c>
      <c r="D140" s="7" t="s">
        <v>112</v>
      </c>
      <c r="E140" s="43">
        <v>40</v>
      </c>
      <c r="F140" s="8">
        <v>24</v>
      </c>
      <c r="G140" s="44">
        <v>24</v>
      </c>
      <c r="H140" s="44">
        <v>0</v>
      </c>
      <c r="I140" s="44">
        <v>29</v>
      </c>
      <c r="J140" s="44">
        <v>0</v>
      </c>
      <c r="K140" s="9">
        <v>0.83</v>
      </c>
      <c r="L140" s="45">
        <v>11</v>
      </c>
    </row>
    <row r="141" spans="1:12" ht="14.25" customHeight="1" x14ac:dyDescent="0.15">
      <c r="B141" s="15"/>
      <c r="C141" s="7" t="s">
        <v>47</v>
      </c>
      <c r="D141" s="7" t="s">
        <v>113</v>
      </c>
      <c r="E141" s="43">
        <v>40</v>
      </c>
      <c r="F141" s="8">
        <v>47</v>
      </c>
      <c r="G141" s="44">
        <v>47</v>
      </c>
      <c r="H141" s="44">
        <v>0</v>
      </c>
      <c r="I141" s="44">
        <v>40</v>
      </c>
      <c r="J141" s="44">
        <v>0</v>
      </c>
      <c r="K141" s="9">
        <v>1.18</v>
      </c>
      <c r="L141" s="45">
        <v>0</v>
      </c>
    </row>
    <row r="142" spans="1:12" x14ac:dyDescent="0.15">
      <c r="B142" s="15"/>
      <c r="C142" s="88"/>
      <c r="D142" s="54" t="s">
        <v>26</v>
      </c>
      <c r="E142" s="49">
        <v>80</v>
      </c>
      <c r="F142" s="50">
        <v>71</v>
      </c>
      <c r="G142" s="51">
        <v>71</v>
      </c>
      <c r="H142" s="51">
        <v>0</v>
      </c>
      <c r="I142" s="51">
        <v>69</v>
      </c>
      <c r="J142" s="51">
        <v>0</v>
      </c>
      <c r="K142" s="52">
        <v>1.03</v>
      </c>
      <c r="L142" s="53">
        <v>11</v>
      </c>
    </row>
    <row r="143" spans="1:12" ht="7.5" customHeight="1" x14ac:dyDescent="0.15">
      <c r="B143" s="34"/>
      <c r="C143" s="64"/>
      <c r="D143" s="64"/>
      <c r="E143" s="106"/>
      <c r="F143" s="107"/>
      <c r="G143" s="108"/>
      <c r="H143" s="108"/>
      <c r="I143" s="108"/>
      <c r="J143" s="108"/>
      <c r="K143" s="109"/>
      <c r="L143" s="110"/>
    </row>
    <row r="144" spans="1:12" ht="13.5" customHeight="1" x14ac:dyDescent="0.15">
      <c r="B144" s="101" t="s">
        <v>114</v>
      </c>
    </row>
  </sheetData>
  <mergeCells count="7">
    <mergeCell ref="B129:L129"/>
    <mergeCell ref="C23:D23"/>
    <mergeCell ref="C58:D58"/>
    <mergeCell ref="B60:L60"/>
    <mergeCell ref="C80:D80"/>
    <mergeCell ref="C111:D111"/>
    <mergeCell ref="C127:D127"/>
  </mergeCells>
  <phoneticPr fontId="3"/>
  <printOptions horizontalCentered="1"/>
  <pageMargins left="0.78740157480314965" right="0.78740157480314965" top="0.78740157480314965" bottom="0.59055118110236227" header="0.51181102362204722" footer="0.39370078740157483"/>
  <pageSetup paperSize="9" scale="74" firstPageNumber="13" fitToHeight="0" orientation="portrait" useFirstPageNumber="1" r:id="rId1"/>
  <headerFooter alignWithMargins="0">
    <oddFooter>&amp;C&amp;"ＭＳ ゴシック,標準"&amp;P</oddFooter>
  </headerFooter>
  <rowBreaks count="1" manualBreakCount="1">
    <brk id="60"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6</vt:i4>
      </vt:variant>
    </vt:vector>
  </HeadingPairs>
  <TitlesOfParts>
    <vt:vector size="11" baseType="lpstr">
      <vt:lpstr>普通科・クリエイティブ</vt:lpstr>
      <vt:lpstr>専門学科</vt:lpstr>
      <vt:lpstr>単位制</vt:lpstr>
      <vt:lpstr>定時制・通信制</vt:lpstr>
      <vt:lpstr>特別募集等</vt:lpstr>
      <vt:lpstr>専門学科!Print_Area</vt:lpstr>
      <vt:lpstr>単位制!Print_Area</vt:lpstr>
      <vt:lpstr>定時制・通信制!Print_Area</vt:lpstr>
      <vt:lpstr>特別募集等!Print_Area</vt:lpstr>
      <vt:lpstr>普通科・クリエイティブ!Print_Area</vt:lpstr>
      <vt:lpstr>普通科・クリエイティブ!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cp:lastPrinted>2026-02-27T05:30:35Z</cp:lastPrinted>
  <dcterms:created xsi:type="dcterms:W3CDTF">2026-02-27T05:11:10Z</dcterms:created>
  <dcterms:modified xsi:type="dcterms:W3CDTF">2026-02-27T07:15:37Z</dcterms:modified>
</cp:coreProperties>
</file>